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1\LRF-2021\Arquivos para publicação-2021\RGF 3º Quadrim 2021 PUBLICAÇÃO CONSOLIDADO\"/>
    </mc:Choice>
  </mc:AlternateContent>
  <bookViews>
    <workbookView xWindow="0" yWindow="0" windowWidth="20490" windowHeight="7650"/>
  </bookViews>
  <sheets>
    <sheet name="Anexo - 01 - Despesa com Pessoa" sheetId="1" r:id="rId1"/>
    <sheet name="Anexo - 01.1 - Despesa com Pess" sheetId="2" r:id="rId2"/>
    <sheet name="Anexo - 02 - Dívida Consolidada" sheetId="3" r:id="rId3"/>
    <sheet name="Anexo - 03 - Garantias e Contra" sheetId="4" r:id="rId4"/>
    <sheet name="Anexo - 04 - Operações de Crédi" sheetId="5" r:id="rId5"/>
    <sheet name="Anexo - 05 - Disponibilidade de" sheetId="6" r:id="rId6"/>
    <sheet name="Anexo - 06 - Gestão Fiscal Simp" sheetId="7" r:id="rId7"/>
  </sheets>
  <calcPr calcId="0"/>
</workbook>
</file>

<file path=xl/sharedStrings.xml><?xml version="1.0" encoding="utf-8"?>
<sst xmlns="http://schemas.openxmlformats.org/spreadsheetml/2006/main" count="624" uniqueCount="292">
  <si>
    <t>ESTADO DE MATO GROSSO DO SUL</t>
  </si>
  <si>
    <t>Relatório de Gestão Fiscal - Consolidado</t>
  </si>
  <si>
    <t>DEMONSTRATIVO DA DESPESA COM PESSOAL</t>
  </si>
  <si>
    <t>Orçamentos Fiscal e da Seguridade Social</t>
  </si>
  <si>
    <t>JANEIRO A DEZEMBRO DE 2021 / QUADRIMESTRE SETEMBRO - DEZEMBRO</t>
  </si>
  <si>
    <t>RGF - Anexo 1 (LRF, art. 55, inciso I, alínea "a")</t>
  </si>
  <si>
    <t>Nº</t>
  </si>
  <si>
    <t/>
  </si>
  <si>
    <t>DESPESA COM PESSOAL</t>
  </si>
  <si>
    <t>Despesas Liquidadas</t>
  </si>
  <si>
    <t>Jan/2021</t>
  </si>
  <si>
    <t>Fev/2021</t>
  </si>
  <si>
    <t>Mar/2021</t>
  </si>
  <si>
    <t>Abr/2021</t>
  </si>
  <si>
    <t>Mai/2021</t>
  </si>
  <si>
    <t>Jun/2021</t>
  </si>
  <si>
    <t>Jul/2021</t>
  </si>
  <si>
    <t>Ago/2021</t>
  </si>
  <si>
    <t>Set/2021</t>
  </si>
  <si>
    <t>Out/2021</t>
  </si>
  <si>
    <t>Nov/2021</t>
  </si>
  <si>
    <t>Dez/2021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Pessoal Inativo e Pensionistas</t>
  </si>
  <si>
    <t>6</t>
  </si>
  <si>
    <t xml:space="preserve">      Aposentadorias, Reserva e Reformas</t>
  </si>
  <si>
    <t>7</t>
  </si>
  <si>
    <t xml:space="preserve">      Pensões</t>
  </si>
  <si>
    <t>8</t>
  </si>
  <si>
    <t xml:space="preserve">   Outras despesas de pessoal decorrentes de contratos de terceirização ou de contratação de forma indireta (§ 1º do art. 18 da LRF)¹</t>
  </si>
  <si>
    <t>9</t>
  </si>
  <si>
    <t xml:space="preserve">   Despesa com Pessoal não Executada Orçamentariamente </t>
  </si>
  <si>
    <t>10</t>
  </si>
  <si>
    <t>DESPESAS NÃO COMPUTADAS (§ 1º do art. 19 da LRF) (II)</t>
  </si>
  <si>
    <t>11</t>
  </si>
  <si>
    <t xml:space="preserve">   Indenizações por Demissão e Incentivos à Demissão Voluntária</t>
  </si>
  <si>
    <t>12</t>
  </si>
  <si>
    <t xml:space="preserve">   Decorrentes de Decisão Judicial de período anterior ao da apuração</t>
  </si>
  <si>
    <t>13</t>
  </si>
  <si>
    <t xml:space="preserve">   Despesas de Exercícios Anteriores de período anterior ao da apuração</t>
  </si>
  <si>
    <t>14</t>
  </si>
  <si>
    <t xml:space="preserve">   Inativos e Pensionistas com Recursos Vinculados</t>
  </si>
  <si>
    <t>15</t>
  </si>
  <si>
    <t>DESPESA LÍQUIDA COM PESSOAL (III) = (I - II)</t>
  </si>
  <si>
    <t>APURAÇÃO DO CUMPRIMENTO DO LIMITE LEGAL</t>
  </si>
  <si>
    <t>Valor</t>
  </si>
  <si>
    <t>% Sobre a RCL Ajustada</t>
  </si>
  <si>
    <t>16</t>
  </si>
  <si>
    <t>RECEITA CORRENTE LÍQUIDA - RCL (IV)</t>
  </si>
  <si>
    <t>17</t>
  </si>
  <si>
    <t xml:space="preserve">(-) Transferências obrigatórias da União relativas às emendas individuais (art. 166-A, § 1º, da CF) (V) </t>
  </si>
  <si>
    <t>18</t>
  </si>
  <si>
    <t xml:space="preserve">(-) Transferências obrigatórias da União relativas às emendas de bancada (art. 166, § 16 da CF) (VI)  </t>
  </si>
  <si>
    <t>19</t>
  </si>
  <si>
    <t>= RECEITA CORRENTE LÍQUIDA AJUSTADA PARA CÁLCULO DOS LIMITES DA DESPESA COM PESSOAL (VII) = (IV - V - VI)²</t>
  </si>
  <si>
    <t>20</t>
  </si>
  <si>
    <t>DESPESA TOTAL COM PESSOAL - DTP (VIII) = (III a + III b)</t>
  </si>
  <si>
    <t>21</t>
  </si>
  <si>
    <t>LIMITE MÁXIMO (IX) (incisos I, II e III do art.20 da LRF) - 60% da RCL Ajustada (VII)</t>
  </si>
  <si>
    <t>22</t>
  </si>
  <si>
    <t>LIMITE PRUDENCIAL (X) (parágrafo único do art.22 da LRF) - (X) = (0,95*IX)</t>
  </si>
  <si>
    <t>23</t>
  </si>
  <si>
    <t>LIMITE DE ALERTA (XI) (inciso II do § 1º do art. 59 da LRF) - (XI) = (0,90*IX)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³</t>
  </si>
  <si>
    <t>DEMONSTRATIVO DA DESPESA COM PESSOAL - ENTE CONSORCIADO</t>
  </si>
  <si>
    <t>RGF - Anexo 1.1 (Portaria STN nº 72/2012, Art. 11, I)</t>
  </si>
  <si>
    <t>DESPESA COM PESSOAL EXECUTADA EM CONSÓRCIOS PÚBLICOS</t>
  </si>
  <si>
    <t>VALORES TRANSFERIDOS POR CONTRATO DE RATEIO</t>
  </si>
  <si>
    <t>Despesas Executadas (Últimos 12 Meses)</t>
  </si>
  <si>
    <t>Liquidadas (a)</t>
  </si>
  <si>
    <t>Inscritas em Restos a Pagar Não Processados (b) ***1</t>
  </si>
  <si>
    <t>TOTAL (c = a + b)</t>
  </si>
  <si>
    <t xml:space="preserve">   Outras despesas de pessoal decorrentes de contratos de terceirização ou de contratação de forma indireta (§ 1º do art. 18 da LRF)</t>
  </si>
  <si>
    <t>DESPESA TOTAL COM PESSOAL - DTP (III) = (I - II)</t>
  </si>
  <si>
    <t>DEMONSTRATIVO DA DÍVIDA CONSOLIDADA LÍQUIDA</t>
  </si>
  <si>
    <t>RGF - Anexo 2 (LRF, art. 55, inciso I, alínea "b")</t>
  </si>
  <si>
    <t>DÍVIDA CONSOLIDADA</t>
  </si>
  <si>
    <t>Saldo do Exercício Anterior</t>
  </si>
  <si>
    <t>Saldo do Exercício de 2021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25</t>
  </si>
  <si>
    <t>DÍVIDA CONSOLIDADA LÍQUIDA² (DCL) (III) = (I - II)</t>
  </si>
  <si>
    <t>26</t>
  </si>
  <si>
    <t>27</t>
  </si>
  <si>
    <t>(-) Transferências obrigatórias da União relativas às emendas individuais (art. 166-A, § 1º, da CF)  (V)</t>
  </si>
  <si>
    <t>28</t>
  </si>
  <si>
    <t>= RECEITA CORRENTE LÍQUIDA AJUSTADA PARA CÁLCULO DOS LIMITES DE ENDIVIDAMENTO (VI) = (IV - V)</t>
  </si>
  <si>
    <t>29</t>
  </si>
  <si>
    <t>% DA DC SOBRE A RCL Ajustada (I/VI)</t>
  </si>
  <si>
    <t>30</t>
  </si>
  <si>
    <t>% DA DCL SOBRE A RCL Ajustada (III/VI)</t>
  </si>
  <si>
    <t>31</t>
  </si>
  <si>
    <t>LIMITE DEFINIDO POR RESOLUÇÃO DO SENADO FEDERAL - 200%</t>
  </si>
  <si>
    <t>32</t>
  </si>
  <si>
    <t>LIMITE DE ALERTA - 180% - (inciso III do § 1º do art. 59 da LRF)</t>
  </si>
  <si>
    <t>OUTROS VALORES NÃO INTEGRANTES DA DC</t>
  </si>
  <si>
    <t>33</t>
  </si>
  <si>
    <t>PRECATÓRIOS ANTERIORES A 05/05/2000</t>
  </si>
  <si>
    <t>34</t>
  </si>
  <si>
    <t>PRECATÓRIOS POSTERIORES A 05/05/2000 (Não incluídos na DC)²</t>
  </si>
  <si>
    <t>35</t>
  </si>
  <si>
    <t>PASSIVO ATUARIAL</t>
  </si>
  <si>
    <t>36</t>
  </si>
  <si>
    <t>INSUFICIÊNCIA FINANCEIRA</t>
  </si>
  <si>
    <t>37</t>
  </si>
  <si>
    <t>DEPÓSITOS E CONSIGNAÇÕES SEM CONTRAPARTIDA</t>
  </si>
  <si>
    <t>38</t>
  </si>
  <si>
    <t xml:space="preserve">RP NÃO-PROCESSADOS </t>
  </si>
  <si>
    <t>39</t>
  </si>
  <si>
    <t>ANTECIPAÇÕES DE RECEITA ORÇAMENTÁRIA – ARO</t>
  </si>
  <si>
    <t>40</t>
  </si>
  <si>
    <t>DÍVIDA CONTRATUAL DE PPP</t>
  </si>
  <si>
    <t>41</t>
  </si>
  <si>
    <t>APROPRIAÇÃO DE DEPÓSITOS JUDICIAIS</t>
  </si>
  <si>
    <t>TRAJETÓRIA DE RETORNO AO LIMITE DA DÍVIDA CONSOLIDADA LÍQUIDA</t>
  </si>
  <si>
    <t>Quadrimestre do Exercício em que o ente excedeu o limite</t>
  </si>
  <si>
    <t>% DCL (b)</t>
  </si>
  <si>
    <t>Redutor mínimo de 25% do Excedente (d) = (0,25*c)</t>
  </si>
  <si>
    <t>% DCL (f)</t>
  </si>
  <si>
    <t>Redutor Residual (g) = (f-a)</t>
  </si>
  <si>
    <t>Limite (h) = (e)</t>
  </si>
  <si>
    <t>% DCL (i)</t>
  </si>
  <si>
    <t>Terceiro período seguinte</t>
  </si>
  <si>
    <t>Redutor Residual (j) = (i-a)</t>
  </si>
  <si>
    <t>Limite (k) = (a)</t>
  </si>
  <si>
    <t>% DCL (l)</t>
  </si>
  <si>
    <t>42</t>
  </si>
  <si>
    <t>Trajetória de retorno ao Limite da DCL</t>
  </si>
  <si>
    <t>DEMONSTRATIVO DAS GARANTIAS E CONTRAGARANTIAS DE VALORES</t>
  </si>
  <si>
    <t>RGF - Anexo 3 (LRF, art. 55, inciso I, alínea "c" e art. 40, § 1º)</t>
  </si>
  <si>
    <t>GARANTIAS CONCEDIDAS</t>
  </si>
  <si>
    <t>AOS ESTADOS (I)</t>
  </si>
  <si>
    <t xml:space="preserve">   Em Operações de Crédito Externas</t>
  </si>
  <si>
    <t xml:space="preserve">   Em Operações de Crédito Internas</t>
  </si>
  <si>
    <t>AOS MUNICÍPIOS (II)</t>
  </si>
  <si>
    <t xml:space="preserve">   Em Operações de Crédito Externas </t>
  </si>
  <si>
    <t>ÀS ENTIDADES CONTROLADAS (III)</t>
  </si>
  <si>
    <t>POR MEIO DE FUNDOS E PROGRAMAS (IV)</t>
  </si>
  <si>
    <t>TOTAL GARANTIAS CONCEDIDAS (V) = (I + II + III + IV)</t>
  </si>
  <si>
    <t>RECEITA CORRENTE LÍQUIDA - RCL (VI)</t>
  </si>
  <si>
    <t>(-) Transferências obrigatórias da União relativas às emendas individuais  (art. 166-A, § 1º,  da CF)  (VII)</t>
  </si>
  <si>
    <t>RECEITA CORRENTE LÍQUIDA AJUSTADA PARA CÁLCULO DOS LIMITES DE ENDIVIDAMENTO (VIII) = (VI - VII)</t>
  </si>
  <si>
    <t>% do TOTAL DAS GARANTIAS sobre a RCL AJUSTADA (V/VIII)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 Em Garantia às operações de Crédito Internas</t>
  </si>
  <si>
    <t>DOS MUNICÍPIOS (VIII)</t>
  </si>
  <si>
    <t xml:space="preserve">   Em Garantia às operações de Crédito Internas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DEMONSTRATIVO DAS OPERAÇÕES DE CRÉDITO</t>
  </si>
  <si>
    <t>RGF - Anexo 4 (LRF, art. 55, inciso I, alínea "d" e inciso III alínea "c")</t>
  </si>
  <si>
    <t>OPERAÇÕES DE CRÉDITO</t>
  </si>
  <si>
    <t>Valor Realizado</t>
  </si>
  <si>
    <t>No Quadrimestre de Referência</t>
  </si>
  <si>
    <t>Até o Quadrimestre de Referência (a)</t>
  </si>
  <si>
    <t>Mobiliária</t>
  </si>
  <si>
    <t xml:space="preserve">   Interna</t>
  </si>
  <si>
    <t xml:space="preserve">   Externa</t>
  </si>
  <si>
    <t>Contratual</t>
  </si>
  <si>
    <t xml:space="preserve">      Aquisição Financiada de Bens e Arrendamento Mercantil Financeiro</t>
  </si>
  <si>
    <t xml:space="preserve">      Antecipação de Receita pela Venda a Termo de Bens e Serviços</t>
  </si>
  <si>
    <t xml:space="preserve">      Assunção, Reconhecimento e Confissão de Dívidas (LRF, art. 29, § 1º)</t>
  </si>
  <si>
    <t xml:space="preserve">      Operações de crédito não sujeitas ao limite para fins de contratação¹ (I)</t>
  </si>
  <si>
    <t xml:space="preserve">      Antecipações de Receitas pela Venda a Termo de Bens e Serviços</t>
  </si>
  <si>
    <t xml:space="preserve">      Operações de crédito não sujeitas ao limite para fins de contratação¹ (II)</t>
  </si>
  <si>
    <t>TOTAL (III)</t>
  </si>
  <si>
    <t>APURAÇÃO DO CUMPRIMENTO DOS LIMITES</t>
  </si>
  <si>
    <t>% Sobre a RCL</t>
  </si>
  <si>
    <t>RECEITA CORRENTE LÍQUIDA – RCL (IV)</t>
  </si>
  <si>
    <t>(-) Transferências obrigatórias da União relativas às emendas individuais  (§ 1º, art. 166-A da CF)  (V)</t>
  </si>
  <si>
    <t>RECEITA CORRENTE LÍQUIDA AJUSTADA PARA CÁLCULO DOS LIMITES DE ENDIVIDAMENTO (VI) = (IV - V)</t>
  </si>
  <si>
    <t>OPERAÇÕES VEDADAS (VII)</t>
  </si>
  <si>
    <t>TOTAL CONSIDERADO PARA FINS DA APURAÇÃO DO CUMPRIMENTO DO LIMITE (VIII) = (IIIa + VII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DEMONSTRATIVO DA DISPONIBILIDADE DE CAIXA E DOS RESTOS A PAGAR</t>
  </si>
  <si>
    <t>RGF - Anexo 5 (LRF, art. 55, Inciso III, alínea "a")</t>
  </si>
  <si>
    <t>IDENTIFICAÇÃO DOS RECURSOS</t>
  </si>
  <si>
    <t>Disponibilidade de Caixa Bruta (a)</t>
  </si>
  <si>
    <t>Obrigações Financeiras</t>
  </si>
  <si>
    <t>RP Liquidados e Não Pagos De Exercícios Anteriores (b)</t>
  </si>
  <si>
    <t>RP Liquidados e Não Pagos Do Exercício (c)</t>
  </si>
  <si>
    <t>RP Empenhados e Não Liquidados de Exercícios Anteriores (d)</t>
  </si>
  <si>
    <t>Demais Obrigações Financeiras (e)</t>
  </si>
  <si>
    <t>INSUFICIÊNCIA FINANCEIRA VERIFICADA NO CONSÓRCIO PÚBLICO (f)</t>
  </si>
  <si>
    <t>DISPONIBILIDADE DE CAIXA LÍQUIDA (ANTES DA INSCRIÇÃO EM RESTOS A PAGAR NÃO PROCESSADOS DO EXERCÍCIO)¹ (g) = (a – (b + c + d + e) - f)</t>
  </si>
  <si>
    <t>RESTOS A PAGAR EMPENHADOS E NÃO LIQUIDADOS DO EXERCÍCIO (h)</t>
  </si>
  <si>
    <t>EMPENHOS NÃO LIQUIDADOS CANCELADOS (NÃO INSCRITOS POR INSUFICIÊNCIA FINANCEIRA)</t>
  </si>
  <si>
    <t>DISPONIBILIDADE DE CAIXA LÍQUIDA (APÓS A INSCRIÇÃO EM RESTOS A PAGAR NÃO PROCESSADOS DO EXERCÍCIO) (i) = (g - h)</t>
  </si>
  <si>
    <t>TOTAL DOS RECURSOS NÃO VINCULADOS (I)</t>
  </si>
  <si>
    <t xml:space="preserve">   Recursos Ordinários</t>
  </si>
  <si>
    <t xml:space="preserve">   Outros Recursos não Vinculados</t>
  </si>
  <si>
    <t>TOTAL DOS RECURSOS VINCULADOS (II)</t>
  </si>
  <si>
    <t xml:space="preserve">   Receitas de Impostos e de Transferência de Impostos - Educação</t>
  </si>
  <si>
    <t xml:space="preserve">   Transferências do FUNDEB</t>
  </si>
  <si>
    <t xml:space="preserve">   Outros Recursos Vinculados à Educação</t>
  </si>
  <si>
    <t xml:space="preserve">   Receitas de Impostos e de Transferência de Impostos - Saúde</t>
  </si>
  <si>
    <t xml:space="preserve">   Outros Recursos Vinculados à Saúde</t>
  </si>
  <si>
    <t xml:space="preserve">   Recursos Vinculados  à Assistência Social</t>
  </si>
  <si>
    <t xml:space="preserve">   Recursos Vinculados ao RPPS - Plano Previdenciário²</t>
  </si>
  <si>
    <t xml:space="preserve">   Recursos Vinculados  ao RPPS - Plano Financeiro</t>
  </si>
  <si>
    <t xml:space="preserve">   Recursos de Operações de Crédito (exceto vinculados à Educação e à Saúde)</t>
  </si>
  <si>
    <t xml:space="preserve">   Recursos de Alienação de Bens/Ativos</t>
  </si>
  <si>
    <t xml:space="preserve">   Outros Recursos Vinculados</t>
  </si>
  <si>
    <t>TOTAL (III) = (I + II)</t>
  </si>
  <si>
    <t>DEMONSTRATIVO SIMPLIFICADO DO RELATÓRIO DE GESTÃO FISCAL</t>
  </si>
  <si>
    <t>RGF - Anexo 6 (LRF, art. 48)</t>
  </si>
  <si>
    <t>RECEITA CORRENTE LÍQUIDA</t>
  </si>
  <si>
    <t>Valor Até o Quadrimestre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Despesa Total com Pessoal - DTP</t>
  </si>
  <si>
    <t>Limite Máximo (incisos I, II e III, art. 20 da LRF) - 60%</t>
  </si>
  <si>
    <t>Limite Prudencial (parágrafo único, art. 22 da LRF) - 57%</t>
  </si>
  <si>
    <t>Limite de Alerta (inciso II do §1º do art. 59 da LRF) - 54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Internas e Ex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RESTOS A PAGAR EMPENHADOS E NÃO LIQUIDADOS DO EXERCÍCIO</t>
  </si>
  <si>
    <t>DISPONIBILIDADE DE CAIXA LÍQUIDA (APÓS 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abSelected="1" workbookViewId="0"/>
  </sheetViews>
  <sheetFormatPr defaultRowHeight="15" x14ac:dyDescent="0.25"/>
  <cols>
    <col min="1" max="1" width="2.7109375" bestFit="1" customWidth="1"/>
    <col min="2" max="2" width="90.140625" bestFit="1" customWidth="1"/>
    <col min="3" max="3" width="20.140625" bestFit="1" customWidth="1"/>
    <col min="4" max="4" width="17.42578125" bestFit="1" customWidth="1"/>
    <col min="5" max="13" width="17.28515625" bestFit="1" customWidth="1"/>
    <col min="14" max="14" width="19" bestFit="1" customWidth="1"/>
    <col min="15" max="15" width="20.140625" bestFit="1" customWidth="1"/>
    <col min="16" max="16" width="13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8</v>
      </c>
      <c r="C10" s="10" t="s">
        <v>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</v>
      </c>
      <c r="P10" s="10" t="s">
        <v>23</v>
      </c>
    </row>
    <row r="11" spans="1:16" ht="52.5" x14ac:dyDescent="0.25">
      <c r="A11" s="10" t="s">
        <v>7</v>
      </c>
      <c r="B11" s="10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0" t="s">
        <v>7</v>
      </c>
    </row>
    <row r="12" spans="1:16" x14ac:dyDescent="0.25">
      <c r="A12" s="3" t="s">
        <v>24</v>
      </c>
      <c r="B12" s="5" t="s">
        <v>25</v>
      </c>
      <c r="C12" s="11">
        <v>1125812306.04</v>
      </c>
      <c r="D12" s="11">
        <v>821215212.52999997</v>
      </c>
      <c r="E12" s="11">
        <v>849861924.08000004</v>
      </c>
      <c r="F12" s="11">
        <v>857694132.20000005</v>
      </c>
      <c r="G12" s="11">
        <v>811765070.64999998</v>
      </c>
      <c r="H12" s="11">
        <v>872084271.26999998</v>
      </c>
      <c r="I12" s="11">
        <v>891995167.89999998</v>
      </c>
      <c r="J12" s="11">
        <v>874498061.63</v>
      </c>
      <c r="K12" s="11">
        <v>895521222.84000003</v>
      </c>
      <c r="L12" s="11">
        <v>880217673.90999997</v>
      </c>
      <c r="M12" s="11">
        <v>872389020.47000003</v>
      </c>
      <c r="N12" s="11">
        <v>1642410153.04</v>
      </c>
      <c r="O12" s="11">
        <v>11395464216.559999</v>
      </c>
      <c r="P12" s="11">
        <v>293102.26</v>
      </c>
    </row>
    <row r="13" spans="1:16" x14ac:dyDescent="0.25">
      <c r="A13" s="3" t="s">
        <v>26</v>
      </c>
      <c r="B13" s="5" t="s">
        <v>27</v>
      </c>
      <c r="C13" s="11">
        <v>621487435.55999994</v>
      </c>
      <c r="D13" s="11">
        <v>545765552.14999998</v>
      </c>
      <c r="E13" s="11">
        <v>556196006.91999996</v>
      </c>
      <c r="F13" s="11">
        <v>572675050.07000005</v>
      </c>
      <c r="G13" s="11">
        <v>570909631.13999999</v>
      </c>
      <c r="H13" s="11">
        <v>606474478.61000001</v>
      </c>
      <c r="I13" s="11">
        <v>564013830.03999996</v>
      </c>
      <c r="J13" s="11">
        <v>556809001.44000006</v>
      </c>
      <c r="K13" s="11">
        <v>574605054.21000004</v>
      </c>
      <c r="L13" s="11">
        <v>592616505.27999997</v>
      </c>
      <c r="M13" s="11">
        <v>580139299.39999998</v>
      </c>
      <c r="N13" s="11">
        <v>1043245563.34</v>
      </c>
      <c r="O13" s="11">
        <v>7384937408.1599998</v>
      </c>
      <c r="P13" s="11">
        <v>293102.26</v>
      </c>
    </row>
    <row r="14" spans="1:16" x14ac:dyDescent="0.25">
      <c r="A14" s="2" t="s">
        <v>28</v>
      </c>
      <c r="B14" s="4" t="s">
        <v>29</v>
      </c>
      <c r="C14" s="12">
        <v>450150110.72000003</v>
      </c>
      <c r="D14" s="12">
        <v>376299897.62</v>
      </c>
      <c r="E14" s="12">
        <v>385943434.94</v>
      </c>
      <c r="F14" s="12">
        <v>401458729.38999999</v>
      </c>
      <c r="G14" s="12">
        <v>398767026.63</v>
      </c>
      <c r="H14" s="12">
        <v>436896920.68000001</v>
      </c>
      <c r="I14" s="12">
        <v>392762352.60000002</v>
      </c>
      <c r="J14" s="12">
        <v>384976770.18000001</v>
      </c>
      <c r="K14" s="12">
        <v>402900047.83999997</v>
      </c>
      <c r="L14" s="12">
        <v>412980470.24000001</v>
      </c>
      <c r="M14" s="12">
        <v>395450847.50999999</v>
      </c>
      <c r="N14" s="12">
        <v>715912514.28999996</v>
      </c>
      <c r="O14" s="12">
        <v>5154499122.6400003</v>
      </c>
      <c r="P14" s="12">
        <v>249556.5</v>
      </c>
    </row>
    <row r="15" spans="1:16" x14ac:dyDescent="0.25">
      <c r="A15" s="2" t="s">
        <v>30</v>
      </c>
      <c r="B15" s="4" t="s">
        <v>31</v>
      </c>
      <c r="C15" s="12">
        <v>171337324.84</v>
      </c>
      <c r="D15" s="12">
        <v>169465654.53</v>
      </c>
      <c r="E15" s="12">
        <v>170252571.97999999</v>
      </c>
      <c r="F15" s="12">
        <v>171216320.68000001</v>
      </c>
      <c r="G15" s="12">
        <v>172142604.50999999</v>
      </c>
      <c r="H15" s="12">
        <v>169577557.93000001</v>
      </c>
      <c r="I15" s="12">
        <v>171251477.44</v>
      </c>
      <c r="J15" s="12">
        <v>171832231.25999999</v>
      </c>
      <c r="K15" s="12">
        <v>171705006.37</v>
      </c>
      <c r="L15" s="12">
        <v>179636035.03999999</v>
      </c>
      <c r="M15" s="12">
        <v>184688451.88999999</v>
      </c>
      <c r="N15" s="12">
        <v>327333049.05000001</v>
      </c>
      <c r="O15" s="12">
        <v>2230438285.52</v>
      </c>
      <c r="P15" s="12">
        <v>43545.760000000002</v>
      </c>
    </row>
    <row r="16" spans="1:16" x14ac:dyDescent="0.25">
      <c r="A16" s="3" t="s">
        <v>32</v>
      </c>
      <c r="B16" s="5" t="s">
        <v>33</v>
      </c>
      <c r="C16" s="11">
        <v>504324870.48000002</v>
      </c>
      <c r="D16" s="11">
        <v>275449660.38</v>
      </c>
      <c r="E16" s="11">
        <v>293665917.16000003</v>
      </c>
      <c r="F16" s="11">
        <v>285019082.13</v>
      </c>
      <c r="G16" s="11">
        <v>240855439.50999999</v>
      </c>
      <c r="H16" s="11">
        <v>265609792.66</v>
      </c>
      <c r="I16" s="11">
        <v>327981337.86000001</v>
      </c>
      <c r="J16" s="11">
        <v>317689060.19</v>
      </c>
      <c r="K16" s="11">
        <v>320916168.63</v>
      </c>
      <c r="L16" s="11">
        <v>287601168.63</v>
      </c>
      <c r="M16" s="11">
        <v>292249721.06999999</v>
      </c>
      <c r="N16" s="11">
        <v>599164589.70000005</v>
      </c>
      <c r="O16" s="11">
        <v>4010526808.4000001</v>
      </c>
      <c r="P16" s="11">
        <v>0</v>
      </c>
    </row>
    <row r="17" spans="1:16" x14ac:dyDescent="0.25">
      <c r="A17" s="2" t="s">
        <v>34</v>
      </c>
      <c r="B17" s="4" t="s">
        <v>35</v>
      </c>
      <c r="C17" s="12">
        <v>436483051.38999999</v>
      </c>
      <c r="D17" s="12">
        <v>238961139.68000001</v>
      </c>
      <c r="E17" s="12">
        <v>257162275.56999999</v>
      </c>
      <c r="F17" s="12">
        <v>245870556.99000001</v>
      </c>
      <c r="G17" s="12">
        <v>214297503.97</v>
      </c>
      <c r="H17" s="12">
        <v>219951945.41</v>
      </c>
      <c r="I17" s="12">
        <v>288903651.62</v>
      </c>
      <c r="J17" s="12">
        <v>280983241.87</v>
      </c>
      <c r="K17" s="12">
        <v>272028921.50999999</v>
      </c>
      <c r="L17" s="12">
        <v>248351600.58000001</v>
      </c>
      <c r="M17" s="12">
        <v>252433041.28</v>
      </c>
      <c r="N17" s="12">
        <v>518779494.37</v>
      </c>
      <c r="O17" s="12">
        <v>3474206424.2399998</v>
      </c>
      <c r="P17" s="12">
        <v>0</v>
      </c>
    </row>
    <row r="18" spans="1:16" x14ac:dyDescent="0.25">
      <c r="A18" s="2" t="s">
        <v>36</v>
      </c>
      <c r="B18" s="4" t="s">
        <v>37</v>
      </c>
      <c r="C18" s="12">
        <v>67841819.090000004</v>
      </c>
      <c r="D18" s="12">
        <v>36488520.700000003</v>
      </c>
      <c r="E18" s="12">
        <v>36503641.590000004</v>
      </c>
      <c r="F18" s="12">
        <v>39148525.140000001</v>
      </c>
      <c r="G18" s="12">
        <v>26557935.539999999</v>
      </c>
      <c r="H18" s="12">
        <v>45657847.25</v>
      </c>
      <c r="I18" s="12">
        <v>39077686.240000002</v>
      </c>
      <c r="J18" s="12">
        <v>36705818.32</v>
      </c>
      <c r="K18" s="12">
        <v>48887247.119999997</v>
      </c>
      <c r="L18" s="12">
        <v>39249568.049999997</v>
      </c>
      <c r="M18" s="12">
        <v>39816679.789999999</v>
      </c>
      <c r="N18" s="12">
        <v>80385095.329999998</v>
      </c>
      <c r="O18" s="12">
        <v>536320384.16000003</v>
      </c>
      <c r="P18" s="12">
        <v>0</v>
      </c>
    </row>
    <row r="19" spans="1:16" x14ac:dyDescent="0.25">
      <c r="A19" s="2" t="s">
        <v>38</v>
      </c>
      <c r="B19" s="4" t="s">
        <v>39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  <c r="O19" s="12">
        <v>0</v>
      </c>
      <c r="P19" s="12">
        <v>0</v>
      </c>
    </row>
    <row r="20" spans="1:16" x14ac:dyDescent="0.25">
      <c r="A20" s="2" t="s">
        <v>40</v>
      </c>
      <c r="B20" s="4" t="s">
        <v>41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  <c r="J20" s="12">
        <v>0</v>
      </c>
      <c r="K20" s="12">
        <v>0</v>
      </c>
      <c r="L20" s="12">
        <v>0</v>
      </c>
      <c r="M20" s="12">
        <v>0</v>
      </c>
      <c r="N20" s="12">
        <v>0</v>
      </c>
      <c r="O20" s="12">
        <v>0</v>
      </c>
      <c r="P20" s="12">
        <v>0</v>
      </c>
    </row>
    <row r="21" spans="1:16" x14ac:dyDescent="0.25">
      <c r="A21" s="3" t="s">
        <v>42</v>
      </c>
      <c r="B21" s="5" t="s">
        <v>43</v>
      </c>
      <c r="C21" s="11">
        <v>463033689.88</v>
      </c>
      <c r="D21" s="11">
        <v>216279209.44</v>
      </c>
      <c r="E21" s="11">
        <v>244354109.88999999</v>
      </c>
      <c r="F21" s="11">
        <v>255247557.34999999</v>
      </c>
      <c r="G21" s="11">
        <v>238931029.43000001</v>
      </c>
      <c r="H21" s="11">
        <v>256631618.11000001</v>
      </c>
      <c r="I21" s="11">
        <v>310108337.35000002</v>
      </c>
      <c r="J21" s="11">
        <v>296891006.75999999</v>
      </c>
      <c r="K21" s="11">
        <v>285638456.25</v>
      </c>
      <c r="L21" s="11">
        <v>277912803.08999997</v>
      </c>
      <c r="M21" s="11">
        <v>272427157.35000002</v>
      </c>
      <c r="N21" s="11">
        <v>542898129.23000002</v>
      </c>
      <c r="O21" s="11">
        <v>3660353104.1300001</v>
      </c>
      <c r="P21" s="11">
        <v>0</v>
      </c>
    </row>
    <row r="22" spans="1:16" x14ac:dyDescent="0.25">
      <c r="A22" s="2" t="s">
        <v>44</v>
      </c>
      <c r="B22" s="4" t="s">
        <v>45</v>
      </c>
      <c r="C22" s="12">
        <v>3820914.2</v>
      </c>
      <c r="D22" s="12">
        <v>3083991.02</v>
      </c>
      <c r="E22" s="12">
        <v>2590918.98</v>
      </c>
      <c r="F22" s="12">
        <v>2185018.16</v>
      </c>
      <c r="G22" s="12">
        <v>2974297.27</v>
      </c>
      <c r="H22" s="12">
        <v>2263639.9500000002</v>
      </c>
      <c r="I22" s="12">
        <v>2264005.4900000002</v>
      </c>
      <c r="J22" s="12">
        <v>3799769.95</v>
      </c>
      <c r="K22" s="12">
        <v>2611145.6800000002</v>
      </c>
      <c r="L22" s="12">
        <v>2064071.14</v>
      </c>
      <c r="M22" s="12">
        <v>1592795.58</v>
      </c>
      <c r="N22" s="12">
        <v>1305357.95</v>
      </c>
      <c r="O22" s="12">
        <v>30555925.370000001</v>
      </c>
      <c r="P22" s="12">
        <v>0</v>
      </c>
    </row>
    <row r="23" spans="1:16" x14ac:dyDescent="0.25">
      <c r="A23" s="2" t="s">
        <v>46</v>
      </c>
      <c r="B23" s="4" t="s">
        <v>47</v>
      </c>
      <c r="C23" s="12">
        <v>51326951.390000001</v>
      </c>
      <c r="D23" s="12">
        <v>25789395.850000001</v>
      </c>
      <c r="E23" s="12">
        <v>25904394.960000001</v>
      </c>
      <c r="F23" s="12">
        <v>26174270.629999999</v>
      </c>
      <c r="G23" s="12">
        <v>26186170.989999998</v>
      </c>
      <c r="H23" s="12">
        <v>26671346.440000001</v>
      </c>
      <c r="I23" s="12">
        <v>21835030.129999999</v>
      </c>
      <c r="J23" s="12">
        <v>21970308.75</v>
      </c>
      <c r="K23" s="12">
        <v>21939469.649999999</v>
      </c>
      <c r="L23" s="12">
        <v>22155690.629999999</v>
      </c>
      <c r="M23" s="12">
        <v>22155690.629999999</v>
      </c>
      <c r="N23" s="12">
        <v>22137440.16</v>
      </c>
      <c r="O23" s="12">
        <v>314246160.20999998</v>
      </c>
      <c r="P23" s="12">
        <v>0</v>
      </c>
    </row>
    <row r="24" spans="1:16" x14ac:dyDescent="0.25">
      <c r="A24" s="2" t="s">
        <v>48</v>
      </c>
      <c r="B24" s="4" t="s">
        <v>49</v>
      </c>
      <c r="C24" s="12">
        <v>3027726.54</v>
      </c>
      <c r="D24" s="12">
        <v>3996772.61</v>
      </c>
      <c r="E24" s="12">
        <v>5175132.7</v>
      </c>
      <c r="F24" s="12">
        <v>6775266.3799999999</v>
      </c>
      <c r="G24" s="12">
        <v>7295714.9800000004</v>
      </c>
      <c r="H24" s="12">
        <v>4849974.22</v>
      </c>
      <c r="I24" s="12">
        <v>4718569.78</v>
      </c>
      <c r="J24" s="12">
        <v>2970409.73</v>
      </c>
      <c r="K24" s="12">
        <v>3933579.22</v>
      </c>
      <c r="L24" s="12">
        <v>4033443.86</v>
      </c>
      <c r="M24" s="12">
        <v>3653015.74</v>
      </c>
      <c r="N24" s="12">
        <v>5174016.5199999996</v>
      </c>
      <c r="O24" s="12">
        <v>55603622.280000001</v>
      </c>
      <c r="P24" s="12">
        <v>0</v>
      </c>
    </row>
    <row r="25" spans="1:16" x14ac:dyDescent="0.25">
      <c r="A25" s="2" t="s">
        <v>50</v>
      </c>
      <c r="B25" s="4" t="s">
        <v>51</v>
      </c>
      <c r="C25" s="12">
        <v>404858097.75</v>
      </c>
      <c r="D25" s="12">
        <v>183409049.96000001</v>
      </c>
      <c r="E25" s="12">
        <v>210683663.25</v>
      </c>
      <c r="F25" s="12">
        <v>220113002.18000001</v>
      </c>
      <c r="G25" s="12">
        <v>202474846.19</v>
      </c>
      <c r="H25" s="12">
        <v>222846657.5</v>
      </c>
      <c r="I25" s="12">
        <v>281290731.94999999</v>
      </c>
      <c r="J25" s="12">
        <v>268150518.33000001</v>
      </c>
      <c r="K25" s="12">
        <v>257154261.69999999</v>
      </c>
      <c r="L25" s="12">
        <v>249659597.46000001</v>
      </c>
      <c r="M25" s="12">
        <v>245025655.40000001</v>
      </c>
      <c r="N25" s="12">
        <v>514281314.60000002</v>
      </c>
      <c r="O25" s="12">
        <v>3259947396.27</v>
      </c>
      <c r="P25" s="12">
        <v>0</v>
      </c>
    </row>
    <row r="26" spans="1:16" x14ac:dyDescent="0.25">
      <c r="A26" s="3" t="s">
        <v>52</v>
      </c>
      <c r="B26" s="5" t="s">
        <v>53</v>
      </c>
      <c r="C26" s="11">
        <v>662778616.15999997</v>
      </c>
      <c r="D26" s="11">
        <v>604936003.09000003</v>
      </c>
      <c r="E26" s="11">
        <v>605507814.19000006</v>
      </c>
      <c r="F26" s="11">
        <v>602446574.85000002</v>
      </c>
      <c r="G26" s="11">
        <v>572834041.22000003</v>
      </c>
      <c r="H26" s="11">
        <v>615452653.15999997</v>
      </c>
      <c r="I26" s="11">
        <v>581886830.54999995</v>
      </c>
      <c r="J26" s="11">
        <v>577607054.87</v>
      </c>
      <c r="K26" s="11">
        <v>609882766.59000003</v>
      </c>
      <c r="L26" s="11">
        <v>602304870.82000005</v>
      </c>
      <c r="M26" s="11">
        <v>599961863.12</v>
      </c>
      <c r="N26" s="11">
        <v>1099512023.8099999</v>
      </c>
      <c r="O26" s="11">
        <v>7735111112.4300003</v>
      </c>
      <c r="P26" s="11">
        <v>293102.26</v>
      </c>
    </row>
    <row r="28" spans="1:16" x14ac:dyDescent="0.25">
      <c r="A28" s="10" t="s">
        <v>6</v>
      </c>
      <c r="B28" s="10" t="s">
        <v>54</v>
      </c>
      <c r="C28" s="10" t="s">
        <v>55</v>
      </c>
      <c r="D28" s="10" t="s">
        <v>56</v>
      </c>
    </row>
    <row r="29" spans="1:16" x14ac:dyDescent="0.25">
      <c r="A29" s="10" t="s">
        <v>7</v>
      </c>
      <c r="B29" s="10" t="s">
        <v>7</v>
      </c>
      <c r="C29" s="10" t="s">
        <v>7</v>
      </c>
      <c r="D29" s="10" t="s">
        <v>7</v>
      </c>
    </row>
    <row r="30" spans="1:16" x14ac:dyDescent="0.25">
      <c r="A30" s="2" t="s">
        <v>57</v>
      </c>
      <c r="B30" s="4" t="s">
        <v>58</v>
      </c>
      <c r="C30" s="12">
        <v>15816038193.469999</v>
      </c>
      <c r="D30" s="12">
        <v>0.12</v>
      </c>
    </row>
    <row r="31" spans="1:16" x14ac:dyDescent="0.25">
      <c r="A31" s="2" t="s">
        <v>59</v>
      </c>
      <c r="B31" s="4" t="s">
        <v>60</v>
      </c>
      <c r="C31" s="12">
        <v>6924249</v>
      </c>
      <c r="D31" s="12">
        <v>0.04</v>
      </c>
    </row>
    <row r="32" spans="1:16" x14ac:dyDescent="0.25">
      <c r="A32" s="2" t="s">
        <v>61</v>
      </c>
      <c r="B32" s="4" t="s">
        <v>62</v>
      </c>
      <c r="C32" s="12">
        <v>12000000</v>
      </c>
      <c r="D32" s="12">
        <v>0.08</v>
      </c>
    </row>
    <row r="33" spans="1:11" x14ac:dyDescent="0.25">
      <c r="A33" s="3" t="s">
        <v>63</v>
      </c>
      <c r="B33" s="5" t="s">
        <v>64</v>
      </c>
      <c r="C33" s="11">
        <v>15797113944.469999</v>
      </c>
      <c r="D33" s="11">
        <v>100</v>
      </c>
    </row>
    <row r="34" spans="1:11" x14ac:dyDescent="0.25">
      <c r="A34" s="2" t="s">
        <v>65</v>
      </c>
      <c r="B34" s="4" t="s">
        <v>66</v>
      </c>
      <c r="C34" s="12">
        <v>7735404214.6899996</v>
      </c>
      <c r="D34" s="12">
        <v>48.97</v>
      </c>
    </row>
    <row r="35" spans="1:11" x14ac:dyDescent="0.25">
      <c r="A35" s="2" t="s">
        <v>67</v>
      </c>
      <c r="B35" s="4" t="s">
        <v>68</v>
      </c>
      <c r="C35" s="12">
        <v>9478268366.6800003</v>
      </c>
      <c r="D35" s="12">
        <v>60</v>
      </c>
    </row>
    <row r="36" spans="1:11" x14ac:dyDescent="0.25">
      <c r="A36" s="2" t="s">
        <v>69</v>
      </c>
      <c r="B36" s="4" t="s">
        <v>70</v>
      </c>
      <c r="C36" s="12">
        <v>9004354948.3500004</v>
      </c>
      <c r="D36" s="12">
        <v>57</v>
      </c>
    </row>
    <row r="37" spans="1:11" x14ac:dyDescent="0.25">
      <c r="A37" s="2" t="s">
        <v>71</v>
      </c>
      <c r="B37" s="4" t="s">
        <v>72</v>
      </c>
      <c r="C37" s="12">
        <v>8530441530.0100002</v>
      </c>
      <c r="D37" s="12">
        <v>54</v>
      </c>
    </row>
    <row r="39" spans="1:11" x14ac:dyDescent="0.25">
      <c r="A39" s="10" t="s">
        <v>6</v>
      </c>
      <c r="B39" s="10" t="s">
        <v>73</v>
      </c>
      <c r="C39" s="10" t="s">
        <v>74</v>
      </c>
      <c r="D39" s="10" t="s">
        <v>7</v>
      </c>
      <c r="E39" s="10" t="s">
        <v>7</v>
      </c>
      <c r="F39" s="10" t="s">
        <v>78</v>
      </c>
      <c r="G39" s="10" t="s">
        <v>7</v>
      </c>
      <c r="H39" s="10" t="s">
        <v>7</v>
      </c>
      <c r="I39" s="10" t="s">
        <v>82</v>
      </c>
      <c r="J39" s="10" t="s">
        <v>7</v>
      </c>
      <c r="K39" s="10" t="s">
        <v>82</v>
      </c>
    </row>
    <row r="40" spans="1:11" ht="63" x14ac:dyDescent="0.25">
      <c r="A40" s="10" t="s">
        <v>7</v>
      </c>
      <c r="B40" s="10" t="s">
        <v>7</v>
      </c>
      <c r="C40" s="1" t="s">
        <v>75</v>
      </c>
      <c r="D40" s="1" t="s">
        <v>76</v>
      </c>
      <c r="E40" s="1" t="s">
        <v>77</v>
      </c>
      <c r="F40" s="1" t="s">
        <v>79</v>
      </c>
      <c r="G40" s="1" t="s">
        <v>80</v>
      </c>
      <c r="H40" s="1" t="s">
        <v>81</v>
      </c>
      <c r="I40" s="1" t="s">
        <v>83</v>
      </c>
      <c r="J40" s="1" t="s">
        <v>84</v>
      </c>
      <c r="K40" s="1" t="s">
        <v>85</v>
      </c>
    </row>
    <row r="41" spans="1:11" x14ac:dyDescent="0.25">
      <c r="A41" s="2" t="s">
        <v>86</v>
      </c>
      <c r="B41" s="4" t="s">
        <v>87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</row>
  </sheetData>
  <mergeCells count="19">
    <mergeCell ref="F39:H39"/>
    <mergeCell ref="I39:K39"/>
    <mergeCell ref="A28:A29"/>
    <mergeCell ref="B28:B29"/>
    <mergeCell ref="C28:C29"/>
    <mergeCell ref="D28:D29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9"/>
  <sheetViews>
    <sheetView showGridLines="0" workbookViewId="0"/>
  </sheetViews>
  <sheetFormatPr defaultRowHeight="15" x14ac:dyDescent="0.25"/>
  <cols>
    <col min="2" max="2" width="111.140625" customWidth="1"/>
    <col min="3" max="4" width="13.140625" bestFit="1" customWidth="1"/>
    <col min="5" max="5" width="10.7109375" bestFit="1" customWidth="1"/>
    <col min="6" max="6" width="13.140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88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89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90</v>
      </c>
      <c r="C10" s="10" t="s">
        <v>91</v>
      </c>
      <c r="D10" s="10" t="s">
        <v>92</v>
      </c>
      <c r="E10" s="10" t="s">
        <v>7</v>
      </c>
      <c r="F10" s="10" t="s">
        <v>92</v>
      </c>
    </row>
    <row r="11" spans="1:6" ht="84" x14ac:dyDescent="0.25">
      <c r="A11" s="10" t="s">
        <v>7</v>
      </c>
      <c r="B11" s="10" t="s">
        <v>7</v>
      </c>
      <c r="C11" s="10" t="s">
        <v>7</v>
      </c>
      <c r="D11" s="1" t="s">
        <v>93</v>
      </c>
      <c r="E11" s="1" t="s">
        <v>94</v>
      </c>
      <c r="F11" s="1" t="s">
        <v>95</v>
      </c>
    </row>
    <row r="12" spans="1:6" x14ac:dyDescent="0.25">
      <c r="A12" s="3" t="s">
        <v>24</v>
      </c>
      <c r="B12" s="5" t="s">
        <v>25</v>
      </c>
      <c r="C12" s="11">
        <v>471428.57</v>
      </c>
      <c r="D12" s="11">
        <v>306915.90999999997</v>
      </c>
      <c r="E12" s="11">
        <v>8931.64</v>
      </c>
      <c r="F12" s="11">
        <v>315847.55</v>
      </c>
    </row>
    <row r="13" spans="1:6" x14ac:dyDescent="0.25">
      <c r="A13" s="2" t="s">
        <v>26</v>
      </c>
      <c r="B13" s="4" t="s">
        <v>27</v>
      </c>
      <c r="C13" s="12">
        <v>471428.57</v>
      </c>
      <c r="D13" s="12">
        <v>306915.90999999997</v>
      </c>
      <c r="E13" s="12">
        <v>8931.64</v>
      </c>
      <c r="F13" s="12">
        <v>315847.55</v>
      </c>
    </row>
    <row r="14" spans="1:6" x14ac:dyDescent="0.25">
      <c r="A14" s="2" t="s">
        <v>28</v>
      </c>
      <c r="B14" s="4" t="s">
        <v>96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3" t="s">
        <v>30</v>
      </c>
      <c r="B15" s="5" t="s">
        <v>43</v>
      </c>
      <c r="C15" s="11">
        <v>0</v>
      </c>
      <c r="D15" s="11">
        <v>0</v>
      </c>
      <c r="E15" s="11">
        <v>0</v>
      </c>
      <c r="F15" s="11">
        <v>0</v>
      </c>
    </row>
    <row r="16" spans="1:6" x14ac:dyDescent="0.25">
      <c r="A16" s="2" t="s">
        <v>32</v>
      </c>
      <c r="B16" s="4" t="s">
        <v>45</v>
      </c>
      <c r="C16" s="12">
        <v>0</v>
      </c>
      <c r="D16" s="12">
        <v>0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47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2" t="s">
        <v>36</v>
      </c>
      <c r="B18" s="4" t="s">
        <v>49</v>
      </c>
      <c r="C18" s="12">
        <v>0</v>
      </c>
      <c r="D18" s="12">
        <v>0</v>
      </c>
      <c r="E18" s="12">
        <v>0</v>
      </c>
      <c r="F18" s="12">
        <v>0</v>
      </c>
    </row>
    <row r="19" spans="1:6" x14ac:dyDescent="0.25">
      <c r="A19" s="3" t="s">
        <v>38</v>
      </c>
      <c r="B19" s="5" t="s">
        <v>97</v>
      </c>
      <c r="C19" s="11">
        <v>471428.57</v>
      </c>
      <c r="D19" s="11">
        <v>306915.90999999997</v>
      </c>
      <c r="E19" s="11">
        <v>8931.64</v>
      </c>
      <c r="F19" s="11">
        <v>315847.55</v>
      </c>
    </row>
  </sheetData>
  <mergeCells count="10"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9"/>
  <sheetViews>
    <sheetView showGridLines="0" workbookViewId="0"/>
  </sheetViews>
  <sheetFormatPr defaultRowHeight="15" x14ac:dyDescent="0.25"/>
  <cols>
    <col min="1" max="1" width="2.7109375" bestFit="1" customWidth="1"/>
    <col min="2" max="2" width="80.140625" bestFit="1" customWidth="1"/>
    <col min="3" max="6" width="20.140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9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9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100</v>
      </c>
      <c r="C10" s="10" t="s">
        <v>101</v>
      </c>
      <c r="D10" s="10" t="s">
        <v>102</v>
      </c>
      <c r="E10" s="10" t="s">
        <v>7</v>
      </c>
      <c r="F10" s="10" t="s">
        <v>102</v>
      </c>
    </row>
    <row r="11" spans="1:14" ht="21" x14ac:dyDescent="0.25">
      <c r="A11" s="10" t="s">
        <v>7</v>
      </c>
      <c r="B11" s="10" t="s">
        <v>7</v>
      </c>
      <c r="C11" s="10" t="s">
        <v>7</v>
      </c>
      <c r="D11" s="1" t="s">
        <v>103</v>
      </c>
      <c r="E11" s="1" t="s">
        <v>104</v>
      </c>
      <c r="F11" s="1" t="s">
        <v>105</v>
      </c>
    </row>
    <row r="12" spans="1:14" x14ac:dyDescent="0.25">
      <c r="A12" s="3" t="s">
        <v>24</v>
      </c>
      <c r="B12" s="5" t="s">
        <v>106</v>
      </c>
      <c r="C12" s="11">
        <v>9352844933.2099991</v>
      </c>
      <c r="D12" s="11">
        <v>9094218582.8099995</v>
      </c>
      <c r="E12" s="11">
        <v>8924026900.2000008</v>
      </c>
      <c r="F12" s="11">
        <v>9071829886.8600006</v>
      </c>
    </row>
    <row r="13" spans="1:14" x14ac:dyDescent="0.25">
      <c r="A13" s="2" t="s">
        <v>26</v>
      </c>
      <c r="B13" s="4" t="s">
        <v>107</v>
      </c>
      <c r="C13" s="12">
        <v>0</v>
      </c>
      <c r="D13" s="12">
        <v>0</v>
      </c>
      <c r="E13" s="12">
        <v>0</v>
      </c>
      <c r="F13" s="12">
        <v>0</v>
      </c>
    </row>
    <row r="14" spans="1:14" x14ac:dyDescent="0.25">
      <c r="A14" s="3" t="s">
        <v>28</v>
      </c>
      <c r="B14" s="5" t="s">
        <v>108</v>
      </c>
      <c r="C14" s="11">
        <v>8861191887.7000008</v>
      </c>
      <c r="D14" s="11">
        <v>8731752226.0799999</v>
      </c>
      <c r="E14" s="11">
        <v>8658215565.3799992</v>
      </c>
      <c r="F14" s="11">
        <v>8663652527.8700008</v>
      </c>
    </row>
    <row r="15" spans="1:14" x14ac:dyDescent="0.25">
      <c r="A15" s="3" t="s">
        <v>30</v>
      </c>
      <c r="B15" s="5" t="s">
        <v>109</v>
      </c>
      <c r="C15" s="11">
        <v>2309670115.1199999</v>
      </c>
      <c r="D15" s="11">
        <v>2273061012.5</v>
      </c>
      <c r="E15" s="11">
        <v>2267165409.8299999</v>
      </c>
      <c r="F15" s="11">
        <v>2295117578.6599998</v>
      </c>
    </row>
    <row r="16" spans="1:14" x14ac:dyDescent="0.25">
      <c r="A16" s="2" t="s">
        <v>32</v>
      </c>
      <c r="B16" s="4" t="s">
        <v>110</v>
      </c>
      <c r="C16" s="12">
        <v>698020032.71000004</v>
      </c>
      <c r="D16" s="12">
        <v>668007294.67999995</v>
      </c>
      <c r="E16" s="12">
        <v>687994556.63999999</v>
      </c>
      <c r="F16" s="12">
        <v>657981818.62</v>
      </c>
    </row>
    <row r="17" spans="1:6" x14ac:dyDescent="0.25">
      <c r="A17" s="2" t="s">
        <v>34</v>
      </c>
      <c r="B17" s="4" t="s">
        <v>111</v>
      </c>
      <c r="C17" s="12">
        <v>1611650082.4100001</v>
      </c>
      <c r="D17" s="12">
        <v>1605053717.8199999</v>
      </c>
      <c r="E17" s="12">
        <v>1579170853.1900001</v>
      </c>
      <c r="F17" s="12">
        <v>1637135760.04</v>
      </c>
    </row>
    <row r="18" spans="1:6" x14ac:dyDescent="0.25">
      <c r="A18" s="2" t="s">
        <v>36</v>
      </c>
      <c r="B18" s="4" t="s">
        <v>112</v>
      </c>
      <c r="C18" s="12">
        <v>6434195671.5100002</v>
      </c>
      <c r="D18" s="12">
        <v>6349928635.5100002</v>
      </c>
      <c r="E18" s="12">
        <v>6290474814.8999996</v>
      </c>
      <c r="F18" s="12">
        <v>6275994813.9300003</v>
      </c>
    </row>
    <row r="19" spans="1:6" x14ac:dyDescent="0.25">
      <c r="A19" s="3" t="s">
        <v>38</v>
      </c>
      <c r="B19" s="5" t="s">
        <v>113</v>
      </c>
      <c r="C19" s="11">
        <v>30000</v>
      </c>
      <c r="D19" s="11">
        <v>0</v>
      </c>
      <c r="E19" s="11">
        <v>0</v>
      </c>
      <c r="F19" s="11">
        <v>0</v>
      </c>
    </row>
    <row r="20" spans="1:6" x14ac:dyDescent="0.25">
      <c r="A20" s="2" t="s">
        <v>40</v>
      </c>
      <c r="B20" s="4" t="s">
        <v>110</v>
      </c>
      <c r="C20" s="12">
        <v>3000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11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14</v>
      </c>
      <c r="C22" s="11">
        <v>117296101.06999999</v>
      </c>
      <c r="D22" s="11">
        <v>108762578.06999999</v>
      </c>
      <c r="E22" s="11">
        <v>100575340.65000001</v>
      </c>
      <c r="F22" s="11">
        <v>92540135.280000001</v>
      </c>
    </row>
    <row r="23" spans="1:6" x14ac:dyDescent="0.25">
      <c r="A23" s="2" t="s">
        <v>46</v>
      </c>
      <c r="B23" s="4" t="s">
        <v>115</v>
      </c>
      <c r="C23" s="12">
        <v>0</v>
      </c>
      <c r="D23" s="12">
        <v>0</v>
      </c>
      <c r="E23" s="12">
        <v>0</v>
      </c>
      <c r="F23" s="12">
        <v>0</v>
      </c>
    </row>
    <row r="24" spans="1:6" x14ac:dyDescent="0.25">
      <c r="A24" s="2" t="s">
        <v>48</v>
      </c>
      <c r="B24" s="4" t="s">
        <v>116</v>
      </c>
      <c r="C24" s="12">
        <v>18634613.600000001</v>
      </c>
      <c r="D24" s="12">
        <v>15870439.869999999</v>
      </c>
      <c r="E24" s="12">
        <v>13105714.890000001</v>
      </c>
      <c r="F24" s="12">
        <v>10060515.66</v>
      </c>
    </row>
    <row r="25" spans="1:6" x14ac:dyDescent="0.25">
      <c r="A25" s="2" t="s">
        <v>50</v>
      </c>
      <c r="B25" s="4" t="s">
        <v>117</v>
      </c>
      <c r="C25" s="12">
        <v>98661487.469999999</v>
      </c>
      <c r="D25" s="12">
        <v>92892138.200000003</v>
      </c>
      <c r="E25" s="12">
        <v>87469625.760000005</v>
      </c>
      <c r="F25" s="12">
        <v>82479619.620000005</v>
      </c>
    </row>
    <row r="26" spans="1:6" x14ac:dyDescent="0.25">
      <c r="A26" s="2" t="s">
        <v>52</v>
      </c>
      <c r="B26" s="4" t="s">
        <v>118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7</v>
      </c>
      <c r="B27" s="4" t="s">
        <v>119</v>
      </c>
      <c r="C27" s="12">
        <v>0</v>
      </c>
      <c r="D27" s="12">
        <v>0</v>
      </c>
      <c r="E27" s="12">
        <v>0</v>
      </c>
      <c r="F27" s="12">
        <v>0</v>
      </c>
    </row>
    <row r="28" spans="1:6" x14ac:dyDescent="0.25">
      <c r="A28" s="2" t="s">
        <v>59</v>
      </c>
      <c r="B28" s="4" t="s">
        <v>120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61</v>
      </c>
      <c r="B29" s="4" t="s">
        <v>121</v>
      </c>
      <c r="C29" s="12">
        <v>491653045.50999999</v>
      </c>
      <c r="D29" s="12">
        <v>362466356.73000002</v>
      </c>
      <c r="E29" s="12">
        <v>265811334.81999999</v>
      </c>
      <c r="F29" s="12">
        <v>408177358.99000001</v>
      </c>
    </row>
    <row r="30" spans="1:6" x14ac:dyDescent="0.25">
      <c r="A30" s="2" t="s">
        <v>63</v>
      </c>
      <c r="B30" s="4" t="s">
        <v>122</v>
      </c>
      <c r="C30" s="12">
        <v>0</v>
      </c>
      <c r="D30" s="12">
        <v>0</v>
      </c>
      <c r="E30" s="12">
        <v>0</v>
      </c>
      <c r="F30" s="12">
        <v>0</v>
      </c>
    </row>
    <row r="31" spans="1:6" x14ac:dyDescent="0.25">
      <c r="A31" s="3" t="s">
        <v>65</v>
      </c>
      <c r="B31" s="5" t="s">
        <v>123</v>
      </c>
      <c r="C31" s="11">
        <v>3609284331.3299999</v>
      </c>
      <c r="D31" s="11">
        <v>4688182191.6700001</v>
      </c>
      <c r="E31" s="11">
        <v>5444257666.7799997</v>
      </c>
      <c r="F31" s="11">
        <v>5688487695.2600002</v>
      </c>
    </row>
    <row r="32" spans="1:6" x14ac:dyDescent="0.25">
      <c r="A32" s="2" t="s">
        <v>67</v>
      </c>
      <c r="B32" s="4" t="s">
        <v>124</v>
      </c>
      <c r="C32" s="12">
        <v>3285610223.1199999</v>
      </c>
      <c r="D32" s="12">
        <v>4355364828.7600002</v>
      </c>
      <c r="E32" s="12">
        <v>5092963210.8299999</v>
      </c>
      <c r="F32" s="12">
        <v>5331575745.3400002</v>
      </c>
    </row>
    <row r="33" spans="1:6" x14ac:dyDescent="0.25">
      <c r="A33" s="2" t="s">
        <v>69</v>
      </c>
      <c r="B33" s="4" t="s">
        <v>125</v>
      </c>
      <c r="C33" s="12">
        <v>3595662492.1100001</v>
      </c>
      <c r="D33" s="12">
        <v>4441797483.8900003</v>
      </c>
      <c r="E33" s="12">
        <v>5162505456.6300001</v>
      </c>
      <c r="F33" s="12">
        <v>5459843836.9899998</v>
      </c>
    </row>
    <row r="34" spans="1:6" x14ac:dyDescent="0.25">
      <c r="A34" s="2" t="s">
        <v>71</v>
      </c>
      <c r="B34" s="4" t="s">
        <v>126</v>
      </c>
      <c r="C34" s="12">
        <v>310052268.99000001</v>
      </c>
      <c r="D34" s="12">
        <v>86432655.129999995</v>
      </c>
      <c r="E34" s="12">
        <v>69542245.799999997</v>
      </c>
      <c r="F34" s="12">
        <v>128268091.65000001</v>
      </c>
    </row>
    <row r="35" spans="1:6" x14ac:dyDescent="0.25">
      <c r="A35" s="2" t="s">
        <v>86</v>
      </c>
      <c r="B35" s="4" t="s">
        <v>127</v>
      </c>
      <c r="C35" s="12">
        <v>323674108.20999998</v>
      </c>
      <c r="D35" s="12">
        <v>332817362.91000003</v>
      </c>
      <c r="E35" s="12">
        <v>351294455.94999999</v>
      </c>
      <c r="F35" s="12">
        <v>356911949.92000002</v>
      </c>
    </row>
    <row r="36" spans="1:6" x14ac:dyDescent="0.25">
      <c r="A36" s="3" t="s">
        <v>128</v>
      </c>
      <c r="B36" s="5" t="s">
        <v>129</v>
      </c>
      <c r="C36" s="11">
        <v>5743560601.8800001</v>
      </c>
      <c r="D36" s="11">
        <v>4406036391.1400003</v>
      </c>
      <c r="E36" s="11">
        <v>3479769233.4200001</v>
      </c>
      <c r="F36" s="11">
        <v>3383342191.5999999</v>
      </c>
    </row>
    <row r="37" spans="1:6" x14ac:dyDescent="0.25">
      <c r="A37" s="2" t="s">
        <v>130</v>
      </c>
      <c r="B37" s="4" t="s">
        <v>58</v>
      </c>
      <c r="C37" s="12">
        <v>14070824317.809999</v>
      </c>
      <c r="D37" s="12">
        <v>14679824182.620001</v>
      </c>
      <c r="E37" s="12">
        <v>15294081550.82</v>
      </c>
      <c r="F37" s="12">
        <v>15816038193.469999</v>
      </c>
    </row>
    <row r="38" spans="1:6" x14ac:dyDescent="0.25">
      <c r="A38" s="2" t="s">
        <v>131</v>
      </c>
      <c r="B38" s="4" t="s">
        <v>132</v>
      </c>
      <c r="C38" s="12">
        <v>1181597.1200000001</v>
      </c>
      <c r="D38" s="12">
        <v>1181597.1200000001</v>
      </c>
      <c r="E38" s="12">
        <v>590454</v>
      </c>
      <c r="F38" s="12">
        <v>6924249</v>
      </c>
    </row>
    <row r="39" spans="1:6" x14ac:dyDescent="0.25">
      <c r="A39" s="3" t="s">
        <v>133</v>
      </c>
      <c r="B39" s="5" t="s">
        <v>134</v>
      </c>
      <c r="C39" s="11">
        <v>14069642720.690001</v>
      </c>
      <c r="D39" s="11">
        <v>14678642585.5</v>
      </c>
      <c r="E39" s="11">
        <v>15293491096.82</v>
      </c>
      <c r="F39" s="11">
        <v>15809113944.469999</v>
      </c>
    </row>
    <row r="40" spans="1:6" x14ac:dyDescent="0.25">
      <c r="A40" s="2" t="s">
        <v>135</v>
      </c>
      <c r="B40" s="4" t="s">
        <v>136</v>
      </c>
      <c r="C40" s="12">
        <v>66.48</v>
      </c>
      <c r="D40" s="12">
        <v>61.96</v>
      </c>
      <c r="E40" s="12">
        <v>58.35</v>
      </c>
      <c r="F40" s="12">
        <v>57.38</v>
      </c>
    </row>
    <row r="41" spans="1:6" x14ac:dyDescent="0.25">
      <c r="A41" s="2" t="s">
        <v>137</v>
      </c>
      <c r="B41" s="4" t="s">
        <v>138</v>
      </c>
      <c r="C41" s="12">
        <v>40.82</v>
      </c>
      <c r="D41" s="12">
        <v>30.02</v>
      </c>
      <c r="E41" s="12">
        <v>22.75</v>
      </c>
      <c r="F41" s="12">
        <v>21.4</v>
      </c>
    </row>
    <row r="42" spans="1:6" x14ac:dyDescent="0.25">
      <c r="A42" s="2" t="s">
        <v>139</v>
      </c>
      <c r="B42" s="4" t="s">
        <v>140</v>
      </c>
      <c r="C42" s="12">
        <v>28141648635.619999</v>
      </c>
      <c r="D42" s="12">
        <v>29359648365.240002</v>
      </c>
      <c r="E42" s="12">
        <v>30588163101.639999</v>
      </c>
      <c r="F42" s="12">
        <v>31632076386.939999</v>
      </c>
    </row>
    <row r="43" spans="1:6" x14ac:dyDescent="0.25">
      <c r="A43" s="2" t="s">
        <v>141</v>
      </c>
      <c r="B43" s="4" t="s">
        <v>142</v>
      </c>
      <c r="C43" s="12">
        <v>25327483772.060001</v>
      </c>
      <c r="D43" s="12">
        <v>26423683528.720001</v>
      </c>
      <c r="E43" s="12">
        <v>27529346791.48</v>
      </c>
      <c r="F43" s="12">
        <v>28468868748.25</v>
      </c>
    </row>
    <row r="45" spans="1:6" x14ac:dyDescent="0.25">
      <c r="A45" s="10" t="s">
        <v>6</v>
      </c>
      <c r="B45" s="10" t="s">
        <v>143</v>
      </c>
      <c r="C45" s="10" t="s">
        <v>101</v>
      </c>
      <c r="D45" s="10" t="s">
        <v>102</v>
      </c>
      <c r="E45" s="10" t="s">
        <v>7</v>
      </c>
      <c r="F45" s="10" t="s">
        <v>102</v>
      </c>
    </row>
    <row r="46" spans="1:6" ht="21" x14ac:dyDescent="0.25">
      <c r="A46" s="10" t="s">
        <v>7</v>
      </c>
      <c r="B46" s="10" t="s">
        <v>7</v>
      </c>
      <c r="C46" s="10" t="s">
        <v>7</v>
      </c>
      <c r="D46" s="1" t="s">
        <v>103</v>
      </c>
      <c r="E46" s="1" t="s">
        <v>104</v>
      </c>
      <c r="F46" s="1" t="s">
        <v>105</v>
      </c>
    </row>
    <row r="47" spans="1:6" x14ac:dyDescent="0.25">
      <c r="A47" s="2" t="s">
        <v>144</v>
      </c>
      <c r="B47" s="4" t="s">
        <v>145</v>
      </c>
      <c r="C47" s="12">
        <v>0</v>
      </c>
      <c r="D47" s="12">
        <v>0</v>
      </c>
      <c r="E47" s="12">
        <v>0</v>
      </c>
      <c r="F47" s="12">
        <v>0</v>
      </c>
    </row>
    <row r="48" spans="1:6" x14ac:dyDescent="0.25">
      <c r="A48" s="2" t="s">
        <v>146</v>
      </c>
      <c r="B48" s="4" t="s">
        <v>147</v>
      </c>
      <c r="C48" s="12">
        <v>0</v>
      </c>
      <c r="D48" s="12">
        <v>0</v>
      </c>
      <c r="E48" s="12">
        <v>0</v>
      </c>
      <c r="F48" s="12">
        <v>0</v>
      </c>
    </row>
    <row r="49" spans="1:14" x14ac:dyDescent="0.25">
      <c r="A49" s="2" t="s">
        <v>148</v>
      </c>
      <c r="B49" s="4" t="s">
        <v>149</v>
      </c>
      <c r="C49" s="12">
        <v>9069066489.3199997</v>
      </c>
      <c r="D49" s="12">
        <v>9069066489.3199997</v>
      </c>
      <c r="E49" s="12">
        <v>9069066489.3199997</v>
      </c>
      <c r="F49" s="12">
        <v>10254540100.690001</v>
      </c>
    </row>
    <row r="50" spans="1:14" x14ac:dyDescent="0.25">
      <c r="A50" s="2" t="s">
        <v>150</v>
      </c>
      <c r="B50" s="4" t="s">
        <v>151</v>
      </c>
      <c r="C50" s="12">
        <v>0</v>
      </c>
      <c r="D50" s="12">
        <v>0</v>
      </c>
      <c r="E50" s="12">
        <v>0</v>
      </c>
      <c r="F50" s="12">
        <v>0</v>
      </c>
    </row>
    <row r="51" spans="1:14" x14ac:dyDescent="0.25">
      <c r="A51" s="2" t="s">
        <v>152</v>
      </c>
      <c r="B51" s="4" t="s">
        <v>153</v>
      </c>
      <c r="C51" s="12">
        <v>149027277.94999999</v>
      </c>
      <c r="D51" s="12">
        <v>156598346.09999999</v>
      </c>
      <c r="E51" s="12">
        <v>127772511.31999999</v>
      </c>
      <c r="F51" s="12">
        <v>87262989.180000007</v>
      </c>
    </row>
    <row r="52" spans="1:14" x14ac:dyDescent="0.25">
      <c r="A52" s="2" t="s">
        <v>154</v>
      </c>
      <c r="B52" s="4" t="s">
        <v>155</v>
      </c>
      <c r="C52" s="12">
        <v>345036350.76999998</v>
      </c>
      <c r="D52" s="12">
        <v>176210543.31</v>
      </c>
      <c r="E52" s="12">
        <v>115591193.58</v>
      </c>
      <c r="F52" s="12">
        <v>1011247239.36</v>
      </c>
    </row>
    <row r="53" spans="1:14" x14ac:dyDescent="0.25">
      <c r="A53" s="2" t="s">
        <v>156</v>
      </c>
      <c r="B53" s="4" t="s">
        <v>157</v>
      </c>
      <c r="C53" s="12">
        <v>0</v>
      </c>
      <c r="D53" s="12">
        <v>0</v>
      </c>
      <c r="E53" s="12">
        <v>0</v>
      </c>
      <c r="F53" s="12">
        <v>0</v>
      </c>
    </row>
    <row r="54" spans="1:14" x14ac:dyDescent="0.25">
      <c r="A54" s="2" t="s">
        <v>158</v>
      </c>
      <c r="B54" s="4" t="s">
        <v>159</v>
      </c>
      <c r="C54" s="12">
        <v>0</v>
      </c>
      <c r="D54" s="12">
        <v>0</v>
      </c>
      <c r="E54" s="12">
        <v>0</v>
      </c>
      <c r="F54" s="12">
        <v>0</v>
      </c>
    </row>
    <row r="55" spans="1:14" x14ac:dyDescent="0.25">
      <c r="A55" s="2" t="s">
        <v>160</v>
      </c>
      <c r="B55" s="4" t="s">
        <v>161</v>
      </c>
      <c r="C55" s="12">
        <v>2728786.97</v>
      </c>
      <c r="D55" s="12">
        <v>70815.38</v>
      </c>
      <c r="E55" s="12">
        <v>66500</v>
      </c>
      <c r="F55" s="12">
        <v>66500</v>
      </c>
    </row>
    <row r="57" spans="1:14" x14ac:dyDescent="0.25">
      <c r="A57" s="10" t="s">
        <v>6</v>
      </c>
      <c r="B57" s="10" t="s">
        <v>162</v>
      </c>
      <c r="C57" s="10" t="s">
        <v>163</v>
      </c>
      <c r="D57" s="10" t="s">
        <v>7</v>
      </c>
      <c r="E57" s="10" t="s">
        <v>7</v>
      </c>
      <c r="F57" s="10" t="s">
        <v>78</v>
      </c>
      <c r="G57" s="10" t="s">
        <v>7</v>
      </c>
      <c r="H57" s="10" t="s">
        <v>7</v>
      </c>
      <c r="I57" s="10" t="s">
        <v>82</v>
      </c>
      <c r="J57" s="10" t="s">
        <v>7</v>
      </c>
      <c r="K57" s="10" t="s">
        <v>7</v>
      </c>
      <c r="L57" s="10" t="s">
        <v>170</v>
      </c>
      <c r="M57" s="10" t="s">
        <v>7</v>
      </c>
      <c r="N57" s="10" t="s">
        <v>170</v>
      </c>
    </row>
    <row r="58" spans="1:14" ht="42" x14ac:dyDescent="0.25">
      <c r="A58" s="10" t="s">
        <v>7</v>
      </c>
      <c r="B58" s="10" t="s">
        <v>7</v>
      </c>
      <c r="C58" s="1" t="s">
        <v>75</v>
      </c>
      <c r="D58" s="1" t="s">
        <v>164</v>
      </c>
      <c r="E58" s="1" t="s">
        <v>77</v>
      </c>
      <c r="F58" s="1" t="s">
        <v>165</v>
      </c>
      <c r="G58" s="1" t="s">
        <v>80</v>
      </c>
      <c r="H58" s="1" t="s">
        <v>166</v>
      </c>
      <c r="I58" s="1" t="s">
        <v>167</v>
      </c>
      <c r="J58" s="1" t="s">
        <v>168</v>
      </c>
      <c r="K58" s="1" t="s">
        <v>169</v>
      </c>
      <c r="L58" s="1" t="s">
        <v>171</v>
      </c>
      <c r="M58" s="1" t="s">
        <v>172</v>
      </c>
      <c r="N58" s="1" t="s">
        <v>173</v>
      </c>
    </row>
    <row r="59" spans="1:14" x14ac:dyDescent="0.25">
      <c r="A59" s="2" t="s">
        <v>174</v>
      </c>
      <c r="B59" s="4" t="s">
        <v>175</v>
      </c>
      <c r="C59" s="12">
        <v>0</v>
      </c>
      <c r="D59" s="12">
        <v>0</v>
      </c>
      <c r="E59" s="12">
        <v>0</v>
      </c>
      <c r="F59" s="12">
        <v>0</v>
      </c>
      <c r="G59" s="12">
        <v>0</v>
      </c>
      <c r="H59" s="12">
        <v>0</v>
      </c>
      <c r="I59" s="12">
        <v>0</v>
      </c>
      <c r="J59" s="12">
        <v>0</v>
      </c>
      <c r="K59" s="12">
        <v>0</v>
      </c>
      <c r="L59" s="12">
        <v>0</v>
      </c>
      <c r="M59" s="12">
        <v>0</v>
      </c>
      <c r="N59" s="12">
        <v>0</v>
      </c>
    </row>
  </sheetData>
  <mergeCells count="20">
    <mergeCell ref="I57:K57"/>
    <mergeCell ref="L57:N57"/>
    <mergeCell ref="A45:A46"/>
    <mergeCell ref="B45:B46"/>
    <mergeCell ref="C45:C46"/>
    <mergeCell ref="D45:F45"/>
    <mergeCell ref="A57:A58"/>
    <mergeCell ref="B57:B58"/>
    <mergeCell ref="C57:E57"/>
    <mergeCell ref="F57:H57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6"/>
  <sheetViews>
    <sheetView showGridLines="0" workbookViewId="0"/>
  </sheetViews>
  <sheetFormatPr defaultRowHeight="15" x14ac:dyDescent="0.25"/>
  <cols>
    <col min="1" max="1" width="2.7109375" bestFit="1" customWidth="1"/>
    <col min="2" max="2" width="80.42578125" bestFit="1" customWidth="1"/>
    <col min="3" max="6" width="20.140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76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77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78</v>
      </c>
      <c r="C10" s="10" t="s">
        <v>101</v>
      </c>
      <c r="D10" s="10" t="s">
        <v>102</v>
      </c>
      <c r="E10" s="10" t="s">
        <v>7</v>
      </c>
      <c r="F10" s="10" t="s">
        <v>102</v>
      </c>
    </row>
    <row r="11" spans="1:6" ht="21" x14ac:dyDescent="0.25">
      <c r="A11" s="10" t="s">
        <v>7</v>
      </c>
      <c r="B11" s="10" t="s">
        <v>7</v>
      </c>
      <c r="C11" s="10" t="s">
        <v>7</v>
      </c>
      <c r="D11" s="1" t="s">
        <v>103</v>
      </c>
      <c r="E11" s="1" t="s">
        <v>104</v>
      </c>
      <c r="F11" s="1" t="s">
        <v>105</v>
      </c>
    </row>
    <row r="12" spans="1:6" x14ac:dyDescent="0.25">
      <c r="A12" s="3" t="s">
        <v>24</v>
      </c>
      <c r="B12" s="5" t="s">
        <v>179</v>
      </c>
      <c r="C12" s="11">
        <v>0</v>
      </c>
      <c r="D12" s="11">
        <v>0</v>
      </c>
      <c r="E12" s="11">
        <v>0</v>
      </c>
      <c r="F12" s="11">
        <v>0</v>
      </c>
    </row>
    <row r="13" spans="1:6" x14ac:dyDescent="0.25">
      <c r="A13" s="2" t="s">
        <v>26</v>
      </c>
      <c r="B13" s="4" t="s">
        <v>180</v>
      </c>
      <c r="C13" s="12">
        <v>0</v>
      </c>
      <c r="D13" s="12">
        <v>0</v>
      </c>
      <c r="E13" s="12">
        <v>0</v>
      </c>
      <c r="F13" s="12">
        <v>0</v>
      </c>
    </row>
    <row r="14" spans="1:6" x14ac:dyDescent="0.25">
      <c r="A14" s="2" t="s">
        <v>28</v>
      </c>
      <c r="B14" s="4" t="s">
        <v>181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3" t="s">
        <v>30</v>
      </c>
      <c r="B15" s="5" t="s">
        <v>182</v>
      </c>
      <c r="C15" s="11">
        <v>0</v>
      </c>
      <c r="D15" s="11">
        <v>0</v>
      </c>
      <c r="E15" s="11">
        <v>0</v>
      </c>
      <c r="F15" s="11">
        <v>0</v>
      </c>
    </row>
    <row r="16" spans="1:6" x14ac:dyDescent="0.25">
      <c r="A16" s="2" t="s">
        <v>32</v>
      </c>
      <c r="B16" s="4" t="s">
        <v>183</v>
      </c>
      <c r="C16" s="12">
        <v>0</v>
      </c>
      <c r="D16" s="12">
        <v>0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181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3" t="s">
        <v>36</v>
      </c>
      <c r="B18" s="5" t="s">
        <v>184</v>
      </c>
      <c r="C18" s="11">
        <v>0</v>
      </c>
      <c r="D18" s="11">
        <v>0</v>
      </c>
      <c r="E18" s="11">
        <v>0</v>
      </c>
      <c r="F18" s="11">
        <v>0</v>
      </c>
    </row>
    <row r="19" spans="1:6" x14ac:dyDescent="0.25">
      <c r="A19" s="2" t="s">
        <v>38</v>
      </c>
      <c r="B19" s="4" t="s">
        <v>180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2" t="s">
        <v>40</v>
      </c>
      <c r="B20" s="4" t="s">
        <v>181</v>
      </c>
      <c r="C20" s="12">
        <v>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85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86</v>
      </c>
      <c r="C22" s="11">
        <v>0</v>
      </c>
      <c r="D22" s="11">
        <v>0</v>
      </c>
      <c r="E22" s="11">
        <v>0</v>
      </c>
      <c r="F22" s="11">
        <v>0</v>
      </c>
    </row>
    <row r="23" spans="1:6" x14ac:dyDescent="0.25">
      <c r="A23" s="2" t="s">
        <v>46</v>
      </c>
      <c r="B23" s="4" t="s">
        <v>187</v>
      </c>
      <c r="C23" s="12">
        <v>14070824317.809999</v>
      </c>
      <c r="D23" s="12">
        <v>14679824182.620001</v>
      </c>
      <c r="E23" s="12">
        <v>15294081550.82</v>
      </c>
      <c r="F23" s="12">
        <v>15816038193.469999</v>
      </c>
    </row>
    <row r="24" spans="1:6" x14ac:dyDescent="0.25">
      <c r="A24" s="2" t="s">
        <v>48</v>
      </c>
      <c r="B24" s="4" t="s">
        <v>188</v>
      </c>
      <c r="C24" s="12">
        <v>1181597.1200000001</v>
      </c>
      <c r="D24" s="12">
        <v>1181597.1200000001</v>
      </c>
      <c r="E24" s="12">
        <v>590454</v>
      </c>
      <c r="F24" s="12">
        <v>6924249</v>
      </c>
    </row>
    <row r="25" spans="1:6" x14ac:dyDescent="0.25">
      <c r="A25" s="3" t="s">
        <v>50</v>
      </c>
      <c r="B25" s="5" t="s">
        <v>189</v>
      </c>
      <c r="C25" s="11">
        <v>14069642720.690001</v>
      </c>
      <c r="D25" s="11">
        <v>14678642585.5</v>
      </c>
      <c r="E25" s="11">
        <v>15293491096.82</v>
      </c>
      <c r="F25" s="11">
        <v>15809113944.469999</v>
      </c>
    </row>
    <row r="26" spans="1:6" x14ac:dyDescent="0.25">
      <c r="A26" s="2" t="s">
        <v>52</v>
      </c>
      <c r="B26" s="4" t="s">
        <v>190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7</v>
      </c>
      <c r="B27" s="4" t="s">
        <v>191</v>
      </c>
      <c r="C27" s="12">
        <v>3095321398.5500002</v>
      </c>
      <c r="D27" s="12">
        <v>3229301368.8099999</v>
      </c>
      <c r="E27" s="12">
        <v>3364568041.3000002</v>
      </c>
      <c r="F27" s="12">
        <v>3478005067.7800002</v>
      </c>
    </row>
    <row r="28" spans="1:6" x14ac:dyDescent="0.25">
      <c r="A28" s="2" t="s">
        <v>59</v>
      </c>
      <c r="B28" s="4" t="s">
        <v>192</v>
      </c>
      <c r="C28" s="12">
        <v>2785789258.6999998</v>
      </c>
      <c r="D28" s="12">
        <v>2906371231.9299998</v>
      </c>
      <c r="E28" s="12">
        <v>3028111237.1700001</v>
      </c>
      <c r="F28" s="12">
        <v>3130204561.0100002</v>
      </c>
    </row>
    <row r="30" spans="1:6" x14ac:dyDescent="0.25">
      <c r="A30" s="10" t="s">
        <v>6</v>
      </c>
      <c r="B30" s="10" t="s">
        <v>193</v>
      </c>
      <c r="C30" s="10" t="s">
        <v>101</v>
      </c>
      <c r="D30" s="10" t="s">
        <v>102</v>
      </c>
      <c r="E30" s="10" t="s">
        <v>7</v>
      </c>
      <c r="F30" s="10" t="s">
        <v>102</v>
      </c>
    </row>
    <row r="31" spans="1:6" ht="21" x14ac:dyDescent="0.25">
      <c r="A31" s="10" t="s">
        <v>7</v>
      </c>
      <c r="B31" s="10" t="s">
        <v>7</v>
      </c>
      <c r="C31" s="10" t="s">
        <v>7</v>
      </c>
      <c r="D31" s="1" t="s">
        <v>103</v>
      </c>
      <c r="E31" s="1" t="s">
        <v>104</v>
      </c>
      <c r="F31" s="1" t="s">
        <v>105</v>
      </c>
    </row>
    <row r="32" spans="1:6" x14ac:dyDescent="0.25">
      <c r="A32" s="3" t="s">
        <v>61</v>
      </c>
      <c r="B32" s="5" t="s">
        <v>194</v>
      </c>
      <c r="C32" s="11">
        <v>0</v>
      </c>
      <c r="D32" s="11">
        <v>0</v>
      </c>
      <c r="E32" s="11">
        <v>0</v>
      </c>
      <c r="F32" s="11">
        <v>0</v>
      </c>
    </row>
    <row r="33" spans="1:6" x14ac:dyDescent="0.25">
      <c r="A33" s="2" t="s">
        <v>63</v>
      </c>
      <c r="B33" s="4" t="s">
        <v>195</v>
      </c>
      <c r="C33" s="12">
        <v>0</v>
      </c>
      <c r="D33" s="12">
        <v>0</v>
      </c>
      <c r="E33" s="12">
        <v>0</v>
      </c>
      <c r="F33" s="12">
        <v>0</v>
      </c>
    </row>
    <row r="34" spans="1:6" x14ac:dyDescent="0.25">
      <c r="A34" s="2" t="s">
        <v>65</v>
      </c>
      <c r="B34" s="4" t="s">
        <v>196</v>
      </c>
      <c r="C34" s="12">
        <v>0</v>
      </c>
      <c r="D34" s="12">
        <v>0</v>
      </c>
      <c r="E34" s="12">
        <v>0</v>
      </c>
      <c r="F34" s="12">
        <v>0</v>
      </c>
    </row>
    <row r="35" spans="1:6" x14ac:dyDescent="0.25">
      <c r="A35" s="3" t="s">
        <v>67</v>
      </c>
      <c r="B35" s="5" t="s">
        <v>197</v>
      </c>
      <c r="C35" s="11">
        <v>0</v>
      </c>
      <c r="D35" s="11">
        <v>0</v>
      </c>
      <c r="E35" s="11">
        <v>0</v>
      </c>
      <c r="F35" s="11">
        <v>0</v>
      </c>
    </row>
    <row r="36" spans="1:6" x14ac:dyDescent="0.25">
      <c r="A36" s="2" t="s">
        <v>69</v>
      </c>
      <c r="B36" s="4" t="s">
        <v>195</v>
      </c>
      <c r="C36" s="12">
        <v>0</v>
      </c>
      <c r="D36" s="12">
        <v>0</v>
      </c>
      <c r="E36" s="12">
        <v>0</v>
      </c>
      <c r="F36" s="12">
        <v>0</v>
      </c>
    </row>
    <row r="37" spans="1:6" x14ac:dyDescent="0.25">
      <c r="A37" s="2" t="s">
        <v>71</v>
      </c>
      <c r="B37" s="4" t="s">
        <v>198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86</v>
      </c>
      <c r="B38" s="5" t="s">
        <v>199</v>
      </c>
      <c r="C38" s="11">
        <v>0</v>
      </c>
      <c r="D38" s="11">
        <v>0</v>
      </c>
      <c r="E38" s="11">
        <v>0</v>
      </c>
      <c r="F38" s="11">
        <v>0</v>
      </c>
    </row>
    <row r="39" spans="1:6" x14ac:dyDescent="0.25">
      <c r="A39" s="2" t="s">
        <v>128</v>
      </c>
      <c r="B39" s="4" t="s">
        <v>195</v>
      </c>
      <c r="C39" s="12">
        <v>0</v>
      </c>
      <c r="D39" s="12">
        <v>0</v>
      </c>
      <c r="E39" s="12">
        <v>0</v>
      </c>
      <c r="F39" s="12">
        <v>0</v>
      </c>
    </row>
    <row r="40" spans="1:6" x14ac:dyDescent="0.25">
      <c r="A40" s="2" t="s">
        <v>130</v>
      </c>
      <c r="B40" s="4" t="s">
        <v>198</v>
      </c>
      <c r="C40" s="12">
        <v>0</v>
      </c>
      <c r="D40" s="12">
        <v>0</v>
      </c>
      <c r="E40" s="12">
        <v>0</v>
      </c>
      <c r="F40" s="12">
        <v>0</v>
      </c>
    </row>
    <row r="41" spans="1:6" x14ac:dyDescent="0.25">
      <c r="A41" s="2" t="s">
        <v>131</v>
      </c>
      <c r="B41" s="4" t="s">
        <v>200</v>
      </c>
      <c r="C41" s="12">
        <v>0</v>
      </c>
      <c r="D41" s="12">
        <v>0</v>
      </c>
      <c r="E41" s="12">
        <v>0</v>
      </c>
      <c r="F41" s="12">
        <v>0</v>
      </c>
    </row>
    <row r="42" spans="1:6" x14ac:dyDescent="0.25">
      <c r="A42" s="3" t="s">
        <v>133</v>
      </c>
      <c r="B42" s="5" t="s">
        <v>201</v>
      </c>
      <c r="C42" s="11">
        <v>0</v>
      </c>
      <c r="D42" s="11">
        <v>0</v>
      </c>
      <c r="E42" s="11">
        <v>0</v>
      </c>
      <c r="F42" s="11">
        <v>0</v>
      </c>
    </row>
    <row r="44" spans="1:6" x14ac:dyDescent="0.25">
      <c r="A44" s="10" t="s">
        <v>6</v>
      </c>
      <c r="B44" s="10" t="s">
        <v>202</v>
      </c>
      <c r="C44" s="10" t="s">
        <v>203</v>
      </c>
    </row>
    <row r="45" spans="1:6" x14ac:dyDescent="0.25">
      <c r="A45" s="10" t="s">
        <v>7</v>
      </c>
      <c r="B45" s="10" t="s">
        <v>7</v>
      </c>
      <c r="C45" s="10" t="s">
        <v>7</v>
      </c>
    </row>
    <row r="46" spans="1:6" x14ac:dyDescent="0.25">
      <c r="A46" s="2" t="s">
        <v>135</v>
      </c>
      <c r="B46" s="4" t="s">
        <v>202</v>
      </c>
      <c r="C46" s="12">
        <v>0</v>
      </c>
    </row>
  </sheetData>
  <mergeCells count="17">
    <mergeCell ref="A30:A31"/>
    <mergeCell ref="B30:B31"/>
    <mergeCell ref="C30:C31"/>
    <mergeCell ref="D30:F30"/>
    <mergeCell ref="A44:A45"/>
    <mergeCell ref="B44:B45"/>
    <mergeCell ref="C44:C45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8"/>
  <sheetViews>
    <sheetView showGridLines="0" workbookViewId="0"/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04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05</v>
      </c>
      <c r="B9" s="7"/>
      <c r="C9" s="7"/>
      <c r="D9" s="7"/>
    </row>
    <row r="10" spans="1:4" x14ac:dyDescent="0.25">
      <c r="A10" s="10" t="s">
        <v>6</v>
      </c>
      <c r="B10" s="10" t="s">
        <v>206</v>
      </c>
      <c r="C10" s="10" t="s">
        <v>207</v>
      </c>
      <c r="D10" s="10" t="s">
        <v>207</v>
      </c>
    </row>
    <row r="11" spans="1:4" ht="21" x14ac:dyDescent="0.25">
      <c r="A11" s="10" t="s">
        <v>7</v>
      </c>
      <c r="B11" s="10" t="s">
        <v>7</v>
      </c>
      <c r="C11" s="1" t="s">
        <v>208</v>
      </c>
      <c r="D11" s="1" t="s">
        <v>209</v>
      </c>
    </row>
    <row r="12" spans="1:4" x14ac:dyDescent="0.25">
      <c r="A12" s="3" t="s">
        <v>24</v>
      </c>
      <c r="B12" s="5" t="s">
        <v>210</v>
      </c>
      <c r="C12" s="11">
        <v>0</v>
      </c>
      <c r="D12" s="11">
        <v>0</v>
      </c>
    </row>
    <row r="13" spans="1:4" x14ac:dyDescent="0.25">
      <c r="A13" s="2" t="s">
        <v>26</v>
      </c>
      <c r="B13" s="4" t="s">
        <v>211</v>
      </c>
      <c r="C13" s="12">
        <v>0</v>
      </c>
      <c r="D13" s="12">
        <v>0</v>
      </c>
    </row>
    <row r="14" spans="1:4" x14ac:dyDescent="0.25">
      <c r="A14" s="2" t="s">
        <v>28</v>
      </c>
      <c r="B14" s="4" t="s">
        <v>212</v>
      </c>
      <c r="C14" s="12">
        <v>0</v>
      </c>
      <c r="D14" s="12">
        <v>0</v>
      </c>
    </row>
    <row r="15" spans="1:4" x14ac:dyDescent="0.25">
      <c r="A15" s="3" t="s">
        <v>30</v>
      </c>
      <c r="B15" s="5" t="s">
        <v>213</v>
      </c>
      <c r="C15" s="11">
        <v>0</v>
      </c>
      <c r="D15" s="11">
        <v>89394959.689999998</v>
      </c>
    </row>
    <row r="16" spans="1:4" x14ac:dyDescent="0.25">
      <c r="A16" s="3" t="s">
        <v>32</v>
      </c>
      <c r="B16" s="5" t="s">
        <v>211</v>
      </c>
      <c r="C16" s="11">
        <v>0</v>
      </c>
      <c r="D16" s="11">
        <v>50000000</v>
      </c>
    </row>
    <row r="17" spans="1:4" x14ac:dyDescent="0.25">
      <c r="A17" s="2" t="s">
        <v>34</v>
      </c>
      <c r="B17" s="4" t="s">
        <v>109</v>
      </c>
      <c r="C17" s="12">
        <v>0</v>
      </c>
      <c r="D17" s="12">
        <v>50000000</v>
      </c>
    </row>
    <row r="18" spans="1:4" x14ac:dyDescent="0.25">
      <c r="A18" s="2" t="s">
        <v>36</v>
      </c>
      <c r="B18" s="4" t="s">
        <v>214</v>
      </c>
      <c r="C18" s="12">
        <v>0</v>
      </c>
      <c r="D18" s="12">
        <v>0</v>
      </c>
    </row>
    <row r="19" spans="1:4" x14ac:dyDescent="0.25">
      <c r="A19" s="2" t="s">
        <v>38</v>
      </c>
      <c r="B19" s="4" t="s">
        <v>215</v>
      </c>
      <c r="C19" s="12">
        <v>0</v>
      </c>
      <c r="D19" s="12">
        <v>0</v>
      </c>
    </row>
    <row r="20" spans="1:4" x14ac:dyDescent="0.25">
      <c r="A20" s="2" t="s">
        <v>40</v>
      </c>
      <c r="B20" s="4" t="s">
        <v>216</v>
      </c>
      <c r="C20" s="12">
        <v>0</v>
      </c>
      <c r="D20" s="12">
        <v>0</v>
      </c>
    </row>
    <row r="21" spans="1:4" x14ac:dyDescent="0.25">
      <c r="A21" s="2" t="s">
        <v>42</v>
      </c>
      <c r="B21" s="4" t="s">
        <v>217</v>
      </c>
      <c r="C21" s="12">
        <v>0</v>
      </c>
      <c r="D21" s="12">
        <v>0</v>
      </c>
    </row>
    <row r="22" spans="1:4" x14ac:dyDescent="0.25">
      <c r="A22" s="3" t="s">
        <v>44</v>
      </c>
      <c r="B22" s="5" t="s">
        <v>212</v>
      </c>
      <c r="C22" s="11">
        <v>0</v>
      </c>
      <c r="D22" s="11">
        <v>39394959.689999998</v>
      </c>
    </row>
    <row r="23" spans="1:4" x14ac:dyDescent="0.25">
      <c r="A23" s="2" t="s">
        <v>46</v>
      </c>
      <c r="B23" s="4" t="s">
        <v>109</v>
      </c>
      <c r="C23" s="12">
        <v>0</v>
      </c>
      <c r="D23" s="12">
        <v>39394959.689999998</v>
      </c>
    </row>
    <row r="24" spans="1:4" x14ac:dyDescent="0.25">
      <c r="A24" s="2" t="s">
        <v>48</v>
      </c>
      <c r="B24" s="4" t="s">
        <v>214</v>
      </c>
      <c r="C24" s="12">
        <v>0</v>
      </c>
      <c r="D24" s="12">
        <v>0</v>
      </c>
    </row>
    <row r="25" spans="1:4" x14ac:dyDescent="0.25">
      <c r="A25" s="2" t="s">
        <v>50</v>
      </c>
      <c r="B25" s="4" t="s">
        <v>218</v>
      </c>
      <c r="C25" s="12">
        <v>0</v>
      </c>
      <c r="D25" s="12">
        <v>0</v>
      </c>
    </row>
    <row r="26" spans="1:4" x14ac:dyDescent="0.25">
      <c r="A26" s="2" t="s">
        <v>52</v>
      </c>
      <c r="B26" s="4" t="s">
        <v>216</v>
      </c>
      <c r="C26" s="12">
        <v>0</v>
      </c>
      <c r="D26" s="12">
        <v>0</v>
      </c>
    </row>
    <row r="27" spans="1:4" x14ac:dyDescent="0.25">
      <c r="A27" s="2" t="s">
        <v>57</v>
      </c>
      <c r="B27" s="4" t="s">
        <v>219</v>
      </c>
      <c r="C27" s="12">
        <v>0</v>
      </c>
      <c r="D27" s="12">
        <v>0</v>
      </c>
    </row>
    <row r="28" spans="1:4" x14ac:dyDescent="0.25">
      <c r="A28" s="3" t="s">
        <v>59</v>
      </c>
      <c r="B28" s="5" t="s">
        <v>220</v>
      </c>
      <c r="C28" s="11">
        <v>0</v>
      </c>
      <c r="D28" s="11">
        <v>89394959.689999998</v>
      </c>
    </row>
    <row r="30" spans="1:4" x14ac:dyDescent="0.25">
      <c r="A30" s="10" t="s">
        <v>6</v>
      </c>
      <c r="B30" s="10" t="s">
        <v>221</v>
      </c>
      <c r="C30" s="10" t="s">
        <v>55</v>
      </c>
      <c r="D30" s="10" t="s">
        <v>222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61</v>
      </c>
      <c r="B32" s="4" t="s">
        <v>223</v>
      </c>
      <c r="C32" s="12">
        <v>15816038193.469999</v>
      </c>
      <c r="D32" s="12">
        <v>100</v>
      </c>
    </row>
    <row r="33" spans="1:4" x14ac:dyDescent="0.25">
      <c r="A33" s="2" t="s">
        <v>63</v>
      </c>
      <c r="B33" s="4" t="s">
        <v>224</v>
      </c>
      <c r="C33" s="12">
        <v>6924249</v>
      </c>
      <c r="D33" s="12">
        <v>0.04</v>
      </c>
    </row>
    <row r="34" spans="1:4" x14ac:dyDescent="0.25">
      <c r="A34" s="3" t="s">
        <v>65</v>
      </c>
      <c r="B34" s="5" t="s">
        <v>225</v>
      </c>
      <c r="C34" s="11">
        <v>15809113944.469999</v>
      </c>
      <c r="D34" s="11">
        <v>99.96</v>
      </c>
    </row>
    <row r="35" spans="1:4" x14ac:dyDescent="0.25">
      <c r="A35" s="2" t="s">
        <v>67</v>
      </c>
      <c r="B35" s="4" t="s">
        <v>226</v>
      </c>
      <c r="C35" s="12">
        <v>0</v>
      </c>
      <c r="D35" s="12">
        <v>0</v>
      </c>
    </row>
    <row r="36" spans="1:4" x14ac:dyDescent="0.25">
      <c r="A36" s="2" t="s">
        <v>69</v>
      </c>
      <c r="B36" s="4" t="s">
        <v>227</v>
      </c>
      <c r="C36" s="12">
        <v>89394959.689999998</v>
      </c>
      <c r="D36" s="12">
        <v>0.56999999999999995</v>
      </c>
    </row>
    <row r="37" spans="1:4" x14ac:dyDescent="0.25">
      <c r="A37" s="2" t="s">
        <v>71</v>
      </c>
      <c r="B37" s="4" t="s">
        <v>228</v>
      </c>
      <c r="C37" s="12">
        <v>2529458231.1199999</v>
      </c>
      <c r="D37" s="12">
        <v>16</v>
      </c>
    </row>
    <row r="38" spans="1:4" x14ac:dyDescent="0.25">
      <c r="A38" s="2" t="s">
        <v>86</v>
      </c>
      <c r="B38" s="4" t="s">
        <v>229</v>
      </c>
      <c r="C38" s="12">
        <v>2276512408.0100002</v>
      </c>
      <c r="D38" s="12">
        <v>14.4</v>
      </c>
    </row>
    <row r="39" spans="1:4" x14ac:dyDescent="0.25">
      <c r="A39" s="2" t="s">
        <v>128</v>
      </c>
      <c r="B39" s="4" t="s">
        <v>230</v>
      </c>
      <c r="C39" s="12">
        <v>0</v>
      </c>
      <c r="D39" s="12">
        <v>0</v>
      </c>
    </row>
    <row r="40" spans="1:4" x14ac:dyDescent="0.25">
      <c r="A40" s="2" t="s">
        <v>130</v>
      </c>
      <c r="B40" s="4" t="s">
        <v>231</v>
      </c>
      <c r="C40" s="12">
        <v>1106637976.1099999</v>
      </c>
      <c r="D40" s="12">
        <v>7</v>
      </c>
    </row>
    <row r="42" spans="1:4" x14ac:dyDescent="0.25">
      <c r="A42" s="10" t="s">
        <v>6</v>
      </c>
      <c r="B42" s="10" t="s">
        <v>232</v>
      </c>
      <c r="C42" s="10" t="s">
        <v>233</v>
      </c>
      <c r="D42" s="10" t="s">
        <v>233</v>
      </c>
    </row>
    <row r="43" spans="1:4" ht="21" x14ac:dyDescent="0.25">
      <c r="A43" s="10" t="s">
        <v>7</v>
      </c>
      <c r="B43" s="10" t="s">
        <v>7</v>
      </c>
      <c r="C43" s="1" t="s">
        <v>208</v>
      </c>
      <c r="D43" s="1" t="s">
        <v>209</v>
      </c>
    </row>
    <row r="44" spans="1:4" x14ac:dyDescent="0.25">
      <c r="A44" s="3" t="s">
        <v>131</v>
      </c>
      <c r="B44" s="5" t="s">
        <v>234</v>
      </c>
      <c r="C44" s="11">
        <v>0</v>
      </c>
      <c r="D44" s="11">
        <v>0</v>
      </c>
    </row>
    <row r="45" spans="1:4" x14ac:dyDescent="0.25">
      <c r="A45" s="2" t="s">
        <v>133</v>
      </c>
      <c r="B45" s="4" t="s">
        <v>235</v>
      </c>
      <c r="C45" s="12">
        <v>0</v>
      </c>
      <c r="D45" s="12">
        <v>0</v>
      </c>
    </row>
    <row r="46" spans="1:4" x14ac:dyDescent="0.25">
      <c r="A46" s="2" t="s">
        <v>135</v>
      </c>
      <c r="B46" s="4" t="s">
        <v>236</v>
      </c>
      <c r="C46" s="12">
        <v>0</v>
      </c>
      <c r="D46" s="12">
        <v>0</v>
      </c>
    </row>
    <row r="47" spans="1:4" x14ac:dyDescent="0.25">
      <c r="A47" s="2" t="s">
        <v>137</v>
      </c>
      <c r="B47" s="4" t="s">
        <v>237</v>
      </c>
      <c r="C47" s="12">
        <v>0</v>
      </c>
      <c r="D47" s="12">
        <v>0</v>
      </c>
    </row>
    <row r="48" spans="1:4" x14ac:dyDescent="0.25">
      <c r="A48" s="2" t="s">
        <v>139</v>
      </c>
      <c r="B48" s="4" t="s">
        <v>238</v>
      </c>
      <c r="C48" s="12">
        <v>0</v>
      </c>
      <c r="D48" s="12">
        <v>0</v>
      </c>
    </row>
  </sheetData>
  <mergeCells count="16">
    <mergeCell ref="A42:A43"/>
    <mergeCell ref="B42:B43"/>
    <mergeCell ref="C42:D42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7"/>
  <sheetViews>
    <sheetView showGridLines="0" workbookViewId="0"/>
  </sheetViews>
  <sheetFormatPr defaultRowHeight="15" x14ac:dyDescent="0.25"/>
  <cols>
    <col min="2" max="2" width="68.42578125" bestFit="1" customWidth="1"/>
    <col min="3" max="3" width="19" bestFit="1" customWidth="1"/>
    <col min="4" max="4" width="16" bestFit="1" customWidth="1"/>
    <col min="5" max="5" width="17.28515625" bestFit="1" customWidth="1"/>
    <col min="6" max="6" width="16" bestFit="1" customWidth="1"/>
    <col min="7" max="7" width="17.28515625" bestFit="1" customWidth="1"/>
    <col min="8" max="8" width="9.28515625" bestFit="1" customWidth="1"/>
    <col min="9" max="9" width="19" bestFit="1" customWidth="1"/>
    <col min="10" max="10" width="17.28515625" bestFit="1" customWidth="1"/>
    <col min="11" max="11" width="9.28515625" bestFit="1" customWidth="1"/>
    <col min="12" max="12" width="19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239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240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241</v>
      </c>
      <c r="C10" s="10" t="s">
        <v>242</v>
      </c>
      <c r="D10" s="10" t="s">
        <v>243</v>
      </c>
      <c r="E10" s="10" t="s">
        <v>7</v>
      </c>
      <c r="F10" s="10" t="s">
        <v>7</v>
      </c>
      <c r="G10" s="10" t="s">
        <v>7</v>
      </c>
      <c r="H10" s="10" t="s">
        <v>248</v>
      </c>
      <c r="I10" s="10" t="s">
        <v>249</v>
      </c>
      <c r="J10" s="10" t="s">
        <v>250</v>
      </c>
      <c r="K10" s="10" t="s">
        <v>251</v>
      </c>
      <c r="L10" s="10" t="s">
        <v>252</v>
      </c>
    </row>
    <row r="11" spans="1:12" ht="105" x14ac:dyDescent="0.25">
      <c r="A11" s="10" t="s">
        <v>7</v>
      </c>
      <c r="B11" s="10" t="s">
        <v>7</v>
      </c>
      <c r="C11" s="10" t="s">
        <v>7</v>
      </c>
      <c r="D11" s="1" t="s">
        <v>244</v>
      </c>
      <c r="E11" s="1" t="s">
        <v>245</v>
      </c>
      <c r="F11" s="1" t="s">
        <v>246</v>
      </c>
      <c r="G11" s="1" t="s">
        <v>247</v>
      </c>
      <c r="H11" s="10" t="s">
        <v>7</v>
      </c>
      <c r="I11" s="10" t="s">
        <v>7</v>
      </c>
      <c r="J11" s="10" t="s">
        <v>7</v>
      </c>
      <c r="K11" s="10" t="s">
        <v>7</v>
      </c>
      <c r="L11" s="10" t="s">
        <v>7</v>
      </c>
    </row>
    <row r="12" spans="1:12" x14ac:dyDescent="0.25">
      <c r="A12" s="3" t="s">
        <v>24</v>
      </c>
      <c r="B12" s="5" t="s">
        <v>253</v>
      </c>
      <c r="C12" s="11">
        <v>3857099509.25</v>
      </c>
      <c r="D12" s="11">
        <v>47515204.299999997</v>
      </c>
      <c r="E12" s="11">
        <v>43674484.359999999</v>
      </c>
      <c r="F12" s="11">
        <v>37913239.130000003</v>
      </c>
      <c r="G12" s="11">
        <v>435553732.22000003</v>
      </c>
      <c r="H12" s="11">
        <v>0</v>
      </c>
      <c r="I12" s="11">
        <v>3292442849.2399998</v>
      </c>
      <c r="J12" s="11">
        <v>568309174.00999999</v>
      </c>
      <c r="K12" s="11">
        <v>0</v>
      </c>
      <c r="L12" s="11">
        <v>2724133675.23</v>
      </c>
    </row>
    <row r="13" spans="1:12" x14ac:dyDescent="0.25">
      <c r="A13" s="2" t="s">
        <v>26</v>
      </c>
      <c r="B13" s="4" t="s">
        <v>254</v>
      </c>
      <c r="C13" s="12">
        <v>3857099509.25</v>
      </c>
      <c r="D13" s="12">
        <v>47515204.299999997</v>
      </c>
      <c r="E13" s="12">
        <v>43674484.359999999</v>
      </c>
      <c r="F13" s="12">
        <v>37913239.130000003</v>
      </c>
      <c r="G13" s="12">
        <v>435553732.22000003</v>
      </c>
      <c r="H13" s="12">
        <v>0</v>
      </c>
      <c r="I13" s="12">
        <v>3292442849.2399998</v>
      </c>
      <c r="J13" s="12">
        <v>568309174.00999999</v>
      </c>
      <c r="K13" s="12">
        <v>0</v>
      </c>
      <c r="L13" s="12">
        <v>2724133675.23</v>
      </c>
    </row>
    <row r="14" spans="1:12" x14ac:dyDescent="0.25">
      <c r="A14" s="2" t="s">
        <v>28</v>
      </c>
      <c r="B14" s="4" t="s">
        <v>255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  <c r="H14" s="12">
        <v>0</v>
      </c>
      <c r="I14" s="12">
        <v>0</v>
      </c>
      <c r="J14" s="12">
        <v>0</v>
      </c>
      <c r="K14" s="12">
        <v>0</v>
      </c>
      <c r="L14" s="12">
        <v>0</v>
      </c>
    </row>
    <row r="15" spans="1:12" x14ac:dyDescent="0.25">
      <c r="A15" s="3" t="s">
        <v>30</v>
      </c>
      <c r="B15" s="5" t="s">
        <v>256</v>
      </c>
      <c r="C15" s="11">
        <v>1607937397</v>
      </c>
      <c r="D15" s="11">
        <v>11763232.33</v>
      </c>
      <c r="E15" s="11">
        <v>63501777.409999996</v>
      </c>
      <c r="F15" s="11">
        <v>24676642.550000001</v>
      </c>
      <c r="G15" s="11">
        <v>14423610.08</v>
      </c>
      <c r="H15" s="11">
        <v>0</v>
      </c>
      <c r="I15" s="11">
        <v>1493572134.6300001</v>
      </c>
      <c r="J15" s="11">
        <v>380433589.48000002</v>
      </c>
      <c r="K15" s="11">
        <v>0</v>
      </c>
      <c r="L15" s="11">
        <v>1113138545.1500001</v>
      </c>
    </row>
    <row r="16" spans="1:12" x14ac:dyDescent="0.25">
      <c r="A16" s="2" t="s">
        <v>32</v>
      </c>
      <c r="B16" s="4" t="s">
        <v>257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  <c r="H16" s="12">
        <v>0</v>
      </c>
      <c r="I16" s="12">
        <v>0</v>
      </c>
      <c r="J16" s="12">
        <v>0</v>
      </c>
      <c r="K16" s="12">
        <v>0</v>
      </c>
      <c r="L16" s="12">
        <v>0</v>
      </c>
    </row>
    <row r="17" spans="1:12" x14ac:dyDescent="0.25">
      <c r="A17" s="2" t="s">
        <v>34</v>
      </c>
      <c r="B17" s="4" t="s">
        <v>258</v>
      </c>
      <c r="C17" s="12">
        <v>71666535.219999999</v>
      </c>
      <c r="D17" s="12">
        <v>0</v>
      </c>
      <c r="E17" s="12">
        <v>0</v>
      </c>
      <c r="F17" s="12">
        <v>0</v>
      </c>
      <c r="G17" s="12">
        <v>65813.22</v>
      </c>
      <c r="H17" s="12">
        <v>0</v>
      </c>
      <c r="I17" s="12">
        <v>71600722</v>
      </c>
      <c r="J17" s="12">
        <v>43075240.450000003</v>
      </c>
      <c r="K17" s="12">
        <v>0</v>
      </c>
      <c r="L17" s="12">
        <v>28525481.550000001</v>
      </c>
    </row>
    <row r="18" spans="1:12" x14ac:dyDescent="0.25">
      <c r="A18" s="2" t="s">
        <v>36</v>
      </c>
      <c r="B18" s="4" t="s">
        <v>259</v>
      </c>
      <c r="C18" s="12">
        <v>7033520.5700000003</v>
      </c>
      <c r="D18" s="12">
        <v>0</v>
      </c>
      <c r="E18" s="12">
        <v>0</v>
      </c>
      <c r="F18" s="12">
        <v>145275.1</v>
      </c>
      <c r="G18" s="12">
        <v>72259.649999999994</v>
      </c>
      <c r="H18" s="12">
        <v>0</v>
      </c>
      <c r="I18" s="12">
        <v>6815985.8200000003</v>
      </c>
      <c r="J18" s="12">
        <v>5640145.7400000002</v>
      </c>
      <c r="K18" s="12">
        <v>0</v>
      </c>
      <c r="L18" s="12">
        <v>1175840.08</v>
      </c>
    </row>
    <row r="19" spans="1:12" x14ac:dyDescent="0.25">
      <c r="A19" s="2" t="s">
        <v>38</v>
      </c>
      <c r="B19" s="4" t="s">
        <v>260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</row>
    <row r="20" spans="1:12" x14ac:dyDescent="0.25">
      <c r="A20" s="2" t="s">
        <v>40</v>
      </c>
      <c r="B20" s="4" t="s">
        <v>261</v>
      </c>
      <c r="C20" s="12">
        <v>222443987.37</v>
      </c>
      <c r="D20" s="12">
        <v>56274.75</v>
      </c>
      <c r="E20" s="12">
        <v>297297.94</v>
      </c>
      <c r="F20" s="12">
        <v>79476.19</v>
      </c>
      <c r="G20" s="12">
        <v>183393.14</v>
      </c>
      <c r="H20" s="12">
        <v>0</v>
      </c>
      <c r="I20" s="12">
        <v>221827545.34999999</v>
      </c>
      <c r="J20" s="12">
        <v>56062976.420000002</v>
      </c>
      <c r="K20" s="12">
        <v>0</v>
      </c>
      <c r="L20" s="12">
        <v>165764568.93000001</v>
      </c>
    </row>
    <row r="21" spans="1:12" x14ac:dyDescent="0.25">
      <c r="A21" s="2" t="s">
        <v>42</v>
      </c>
      <c r="B21" s="4" t="s">
        <v>262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</row>
    <row r="22" spans="1:12" x14ac:dyDescent="0.25">
      <c r="A22" s="2" t="s">
        <v>44</v>
      </c>
      <c r="B22" s="4" t="s">
        <v>263</v>
      </c>
      <c r="C22" s="12">
        <v>25608432.379999999</v>
      </c>
      <c r="D22" s="12">
        <v>0</v>
      </c>
      <c r="E22" s="12">
        <v>19643091.18</v>
      </c>
      <c r="F22" s="12">
        <v>0</v>
      </c>
      <c r="G22" s="12">
        <v>5965341.2000000002</v>
      </c>
      <c r="H22" s="12">
        <v>0</v>
      </c>
      <c r="I22" s="12">
        <v>0</v>
      </c>
      <c r="J22" s="12">
        <v>0</v>
      </c>
      <c r="K22" s="12">
        <v>0</v>
      </c>
      <c r="L22" s="12">
        <v>0</v>
      </c>
    </row>
    <row r="23" spans="1:12" x14ac:dyDescent="0.25">
      <c r="A23" s="2" t="s">
        <v>46</v>
      </c>
      <c r="B23" s="4" t="s">
        <v>264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</row>
    <row r="24" spans="1:12" x14ac:dyDescent="0.25">
      <c r="A24" s="2" t="s">
        <v>48</v>
      </c>
      <c r="B24" s="4" t="s">
        <v>265</v>
      </c>
      <c r="C24" s="12">
        <v>95575909.780000001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95575909.780000001</v>
      </c>
      <c r="J24" s="12">
        <v>13273765.25</v>
      </c>
      <c r="K24" s="12">
        <v>0</v>
      </c>
      <c r="L24" s="12">
        <v>82302144.530000001</v>
      </c>
    </row>
    <row r="25" spans="1:12" x14ac:dyDescent="0.25">
      <c r="A25" s="2" t="s">
        <v>50</v>
      </c>
      <c r="B25" s="4" t="s">
        <v>266</v>
      </c>
      <c r="C25" s="12">
        <v>11880769.859999999</v>
      </c>
      <c r="D25" s="12">
        <v>0</v>
      </c>
      <c r="E25" s="12">
        <v>0</v>
      </c>
      <c r="F25" s="12">
        <v>0</v>
      </c>
      <c r="G25" s="12">
        <v>153845</v>
      </c>
      <c r="H25" s="12">
        <v>0</v>
      </c>
      <c r="I25" s="12">
        <v>11726924.859999999</v>
      </c>
      <c r="J25" s="12">
        <v>0</v>
      </c>
      <c r="K25" s="12">
        <v>0</v>
      </c>
      <c r="L25" s="12">
        <v>11726924.859999999</v>
      </c>
    </row>
    <row r="26" spans="1:12" x14ac:dyDescent="0.25">
      <c r="A26" s="2" t="s">
        <v>52</v>
      </c>
      <c r="B26" s="4" t="s">
        <v>267</v>
      </c>
      <c r="C26" s="12">
        <v>1173728241.8199999</v>
      </c>
      <c r="D26" s="12">
        <v>11706957.58</v>
      </c>
      <c r="E26" s="12">
        <v>43561388.289999999</v>
      </c>
      <c r="F26" s="12">
        <v>24451891.260000002</v>
      </c>
      <c r="G26" s="12">
        <v>7982957.8700000001</v>
      </c>
      <c r="H26" s="12">
        <v>0</v>
      </c>
      <c r="I26" s="12">
        <v>1086025046.8199999</v>
      </c>
      <c r="J26" s="12">
        <v>262381461.62</v>
      </c>
      <c r="K26" s="12">
        <v>0</v>
      </c>
      <c r="L26" s="12">
        <v>823643585.20000005</v>
      </c>
    </row>
    <row r="27" spans="1:12" x14ac:dyDescent="0.25">
      <c r="A27" s="3" t="s">
        <v>57</v>
      </c>
      <c r="B27" s="5" t="s">
        <v>268</v>
      </c>
      <c r="C27" s="11">
        <v>5465036906.25</v>
      </c>
      <c r="D27" s="11">
        <v>59278436.630000003</v>
      </c>
      <c r="E27" s="11">
        <v>107176261.77</v>
      </c>
      <c r="F27" s="11">
        <v>62589881.68</v>
      </c>
      <c r="G27" s="11">
        <v>449977342.30000001</v>
      </c>
      <c r="H27" s="11">
        <v>0</v>
      </c>
      <c r="I27" s="11">
        <v>4786014983.8699999</v>
      </c>
      <c r="J27" s="11">
        <v>948742763.49000001</v>
      </c>
      <c r="K27" s="11">
        <v>0</v>
      </c>
      <c r="L27" s="11">
        <v>3837272220.3800001</v>
      </c>
    </row>
  </sheetData>
  <mergeCells count="15">
    <mergeCell ref="A9:L9"/>
    <mergeCell ref="A10:A11"/>
    <mergeCell ref="B10:B11"/>
    <mergeCell ref="C10:C11"/>
    <mergeCell ref="D10:G10"/>
    <mergeCell ref="H10:H11"/>
    <mergeCell ref="I10:I11"/>
    <mergeCell ref="J10:J11"/>
    <mergeCell ref="K10:K11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2"/>
  <sheetViews>
    <sheetView showGridLines="0" workbookViewId="0"/>
  </sheetViews>
  <sheetFormatPr defaultRowHeight="15" x14ac:dyDescent="0.25"/>
  <cols>
    <col min="1" max="1" width="2.42578125" bestFit="1" customWidth="1"/>
    <col min="2" max="2" width="62" bestFit="1" customWidth="1"/>
    <col min="3" max="3" width="18.42578125" bestFit="1" customWidth="1"/>
    <col min="4" max="4" width="16.85546875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69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70</v>
      </c>
      <c r="B9" s="7"/>
      <c r="C9" s="7"/>
      <c r="D9" s="7"/>
    </row>
    <row r="10" spans="1:4" x14ac:dyDescent="0.25">
      <c r="A10" s="10" t="s">
        <v>6</v>
      </c>
      <c r="B10" s="10" t="s">
        <v>271</v>
      </c>
      <c r="C10" s="10" t="s">
        <v>272</v>
      </c>
    </row>
    <row r="11" spans="1:4" x14ac:dyDescent="0.25">
      <c r="A11" s="10" t="s">
        <v>7</v>
      </c>
      <c r="B11" s="10" t="s">
        <v>7</v>
      </c>
      <c r="C11" s="10" t="s">
        <v>7</v>
      </c>
    </row>
    <row r="12" spans="1:4" x14ac:dyDescent="0.25">
      <c r="A12" s="2" t="s">
        <v>24</v>
      </c>
      <c r="B12" s="4" t="s">
        <v>273</v>
      </c>
      <c r="C12" s="12">
        <v>15816038193.469999</v>
      </c>
    </row>
    <row r="13" spans="1:4" x14ac:dyDescent="0.25">
      <c r="A13" s="2" t="s">
        <v>26</v>
      </c>
      <c r="B13" s="4" t="s">
        <v>274</v>
      </c>
      <c r="C13" s="12">
        <v>15809113944.469999</v>
      </c>
    </row>
    <row r="14" spans="1:4" x14ac:dyDescent="0.25">
      <c r="A14" s="2" t="s">
        <v>28</v>
      </c>
      <c r="B14" s="4" t="s">
        <v>275</v>
      </c>
      <c r="C14" s="12">
        <v>15797113944.469999</v>
      </c>
    </row>
    <row r="16" spans="1:4" x14ac:dyDescent="0.25">
      <c r="A16" s="10" t="s">
        <v>6</v>
      </c>
      <c r="B16" s="10" t="s">
        <v>8</v>
      </c>
      <c r="C16" s="10" t="s">
        <v>55</v>
      </c>
      <c r="D16" s="10" t="s">
        <v>56</v>
      </c>
    </row>
    <row r="17" spans="1:4" x14ac:dyDescent="0.25">
      <c r="A17" s="10" t="s">
        <v>7</v>
      </c>
      <c r="B17" s="10" t="s">
        <v>7</v>
      </c>
      <c r="C17" s="10" t="s">
        <v>7</v>
      </c>
      <c r="D17" s="10" t="s">
        <v>7</v>
      </c>
    </row>
    <row r="18" spans="1:4" x14ac:dyDescent="0.25">
      <c r="A18" s="2" t="s">
        <v>30</v>
      </c>
      <c r="B18" s="4" t="s">
        <v>276</v>
      </c>
      <c r="C18" s="12">
        <v>7735404214.6899996</v>
      </c>
      <c r="D18" s="12">
        <v>48.97</v>
      </c>
    </row>
    <row r="19" spans="1:4" x14ac:dyDescent="0.25">
      <c r="A19" s="2" t="s">
        <v>32</v>
      </c>
      <c r="B19" s="4" t="s">
        <v>277</v>
      </c>
      <c r="C19" s="12">
        <v>9478268366.6800003</v>
      </c>
      <c r="D19" s="12">
        <v>60</v>
      </c>
    </row>
    <row r="20" spans="1:4" x14ac:dyDescent="0.25">
      <c r="A20" s="2" t="s">
        <v>34</v>
      </c>
      <c r="B20" s="4" t="s">
        <v>278</v>
      </c>
      <c r="C20" s="12">
        <v>9004354948.3500004</v>
      </c>
      <c r="D20" s="12">
        <v>57</v>
      </c>
    </row>
    <row r="21" spans="1:4" x14ac:dyDescent="0.25">
      <c r="A21" s="2" t="s">
        <v>36</v>
      </c>
      <c r="B21" s="4" t="s">
        <v>279</v>
      </c>
      <c r="C21" s="12">
        <v>8530441530.0100002</v>
      </c>
      <c r="D21" s="12">
        <v>54</v>
      </c>
    </row>
    <row r="23" spans="1:4" x14ac:dyDescent="0.25">
      <c r="A23" s="10" t="s">
        <v>6</v>
      </c>
      <c r="B23" s="10" t="s">
        <v>100</v>
      </c>
      <c r="C23" s="10" t="s">
        <v>55</v>
      </c>
      <c r="D23" s="10" t="s">
        <v>222</v>
      </c>
    </row>
    <row r="24" spans="1:4" x14ac:dyDescent="0.25">
      <c r="A24" s="10" t="s">
        <v>7</v>
      </c>
      <c r="B24" s="10" t="s">
        <v>7</v>
      </c>
      <c r="C24" s="10" t="s">
        <v>7</v>
      </c>
      <c r="D24" s="10" t="s">
        <v>7</v>
      </c>
    </row>
    <row r="25" spans="1:4" x14ac:dyDescent="0.25">
      <c r="A25" s="2" t="s">
        <v>38</v>
      </c>
      <c r="B25" s="4" t="s">
        <v>280</v>
      </c>
      <c r="C25" s="12">
        <v>3383342191.5999999</v>
      </c>
      <c r="D25" s="12">
        <v>21.4</v>
      </c>
    </row>
    <row r="26" spans="1:4" x14ac:dyDescent="0.25">
      <c r="A26" s="2" t="s">
        <v>40</v>
      </c>
      <c r="B26" s="4" t="s">
        <v>281</v>
      </c>
      <c r="C26" s="12">
        <v>31632076386.939999</v>
      </c>
      <c r="D26" s="12">
        <v>200</v>
      </c>
    </row>
    <row r="28" spans="1:4" x14ac:dyDescent="0.25">
      <c r="A28" s="10" t="s">
        <v>6</v>
      </c>
      <c r="B28" s="10" t="s">
        <v>282</v>
      </c>
      <c r="C28" s="10" t="s">
        <v>55</v>
      </c>
      <c r="D28" s="10" t="s">
        <v>222</v>
      </c>
    </row>
    <row r="29" spans="1:4" x14ac:dyDescent="0.25">
      <c r="A29" s="10" t="s">
        <v>7</v>
      </c>
      <c r="B29" s="10" t="s">
        <v>7</v>
      </c>
      <c r="C29" s="10" t="s">
        <v>7</v>
      </c>
      <c r="D29" s="10" t="s">
        <v>7</v>
      </c>
    </row>
    <row r="30" spans="1:4" x14ac:dyDescent="0.25">
      <c r="A30" s="2" t="s">
        <v>42</v>
      </c>
      <c r="B30" s="4" t="s">
        <v>283</v>
      </c>
      <c r="C30" s="12">
        <v>0</v>
      </c>
      <c r="D30" s="12">
        <v>0</v>
      </c>
    </row>
    <row r="31" spans="1:4" x14ac:dyDescent="0.25">
      <c r="A31" s="2" t="s">
        <v>44</v>
      </c>
      <c r="B31" s="4" t="s">
        <v>281</v>
      </c>
      <c r="C31" s="12">
        <v>3478005067.7800002</v>
      </c>
      <c r="D31" s="12">
        <v>21.99</v>
      </c>
    </row>
    <row r="33" spans="1:4" x14ac:dyDescent="0.25">
      <c r="A33" s="10" t="s">
        <v>6</v>
      </c>
      <c r="B33" s="10" t="s">
        <v>206</v>
      </c>
      <c r="C33" s="10" t="s">
        <v>55</v>
      </c>
      <c r="D33" s="10" t="s">
        <v>222</v>
      </c>
    </row>
    <row r="34" spans="1:4" x14ac:dyDescent="0.25">
      <c r="A34" s="10" t="s">
        <v>7</v>
      </c>
      <c r="B34" s="10" t="s">
        <v>7</v>
      </c>
      <c r="C34" s="10" t="s">
        <v>7</v>
      </c>
      <c r="D34" s="10" t="s">
        <v>7</v>
      </c>
    </row>
    <row r="35" spans="1:4" x14ac:dyDescent="0.25">
      <c r="A35" s="2" t="s">
        <v>46</v>
      </c>
      <c r="B35" s="4" t="s">
        <v>284</v>
      </c>
      <c r="C35" s="12">
        <v>89394959.689999998</v>
      </c>
      <c r="D35" s="12">
        <v>0.56999999999999995</v>
      </c>
    </row>
    <row r="36" spans="1:4" x14ac:dyDescent="0.25">
      <c r="A36" s="2" t="s">
        <v>48</v>
      </c>
      <c r="B36" s="4" t="s">
        <v>285</v>
      </c>
      <c r="C36" s="12">
        <v>2529458231.1199999</v>
      </c>
      <c r="D36" s="12">
        <v>16</v>
      </c>
    </row>
    <row r="37" spans="1:4" x14ac:dyDescent="0.25">
      <c r="A37" s="2" t="s">
        <v>50</v>
      </c>
      <c r="B37" s="4" t="s">
        <v>286</v>
      </c>
      <c r="C37" s="12">
        <v>0</v>
      </c>
      <c r="D37" s="12">
        <v>0</v>
      </c>
    </row>
    <row r="38" spans="1:4" x14ac:dyDescent="0.25">
      <c r="A38" s="2" t="s">
        <v>52</v>
      </c>
      <c r="B38" s="4" t="s">
        <v>287</v>
      </c>
      <c r="C38" s="12">
        <v>1106637976.1099999</v>
      </c>
      <c r="D38" s="12">
        <v>7</v>
      </c>
    </row>
    <row r="40" spans="1:4" x14ac:dyDescent="0.25">
      <c r="A40" s="10" t="s">
        <v>6</v>
      </c>
      <c r="B40" s="10" t="s">
        <v>288</v>
      </c>
      <c r="C40" s="10" t="s">
        <v>289</v>
      </c>
      <c r="D40" s="10" t="s">
        <v>290</v>
      </c>
    </row>
    <row r="41" spans="1:4" x14ac:dyDescent="0.25">
      <c r="A41" s="10" t="s">
        <v>7</v>
      </c>
      <c r="B41" s="10" t="s">
        <v>7</v>
      </c>
      <c r="C41" s="10" t="s">
        <v>7</v>
      </c>
      <c r="D41" s="10" t="s">
        <v>7</v>
      </c>
    </row>
    <row r="42" spans="1:4" x14ac:dyDescent="0.25">
      <c r="A42" s="2" t="s">
        <v>57</v>
      </c>
      <c r="B42" s="4" t="s">
        <v>291</v>
      </c>
      <c r="C42" s="12">
        <v>948742763.49000001</v>
      </c>
      <c r="D42" s="12">
        <v>3837272220.3800001</v>
      </c>
    </row>
  </sheetData>
  <mergeCells count="29">
    <mergeCell ref="A33:A34"/>
    <mergeCell ref="B33:B34"/>
    <mergeCell ref="C33:C34"/>
    <mergeCell ref="D33:D34"/>
    <mergeCell ref="A40:A41"/>
    <mergeCell ref="B40:B41"/>
    <mergeCell ref="C40:C41"/>
    <mergeCell ref="D40:D41"/>
    <mergeCell ref="A23:A24"/>
    <mergeCell ref="B23:B24"/>
    <mergeCell ref="C23:C24"/>
    <mergeCell ref="D23:D24"/>
    <mergeCell ref="A28:A29"/>
    <mergeCell ref="B28:B29"/>
    <mergeCell ref="C28:C29"/>
    <mergeCell ref="D28:D29"/>
    <mergeCell ref="A9:D9"/>
    <mergeCell ref="A10:A11"/>
    <mergeCell ref="B10:B11"/>
    <mergeCell ref="C10:C11"/>
    <mergeCell ref="A16:A17"/>
    <mergeCell ref="B16:B17"/>
    <mergeCell ref="C16:C17"/>
    <mergeCell ref="D16:D17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7</vt:i4>
      </vt:variant>
    </vt:vector>
  </HeadingPairs>
  <TitlesOfParts>
    <vt:vector size="7" baseType="lpstr">
      <vt:lpstr>Anexo - 01 - Despesa com Pessoa</vt:lpstr>
      <vt:lpstr>Anexo - 01.1 - Despesa com Pess</vt:lpstr>
      <vt:lpstr>Anexo - 02 - Dívida Consolidada</vt:lpstr>
      <vt:lpstr>Anexo - 03 - Garantias e Contra</vt:lpstr>
      <vt:lpstr>Anexo - 04 - Operações de Crédi</vt:lpstr>
      <vt:lpstr>Anexo - 05 - Disponibilidade de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2-02-25T19:25:24Z</dcterms:created>
  <dcterms:modified xsi:type="dcterms:W3CDTF">2022-02-25T19:33:37Z</dcterms:modified>
</cp:coreProperties>
</file>